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4\01_母子保健G\04_乳幼児\09_新生児聴覚検査体制整備事業\19_機器整備事業\R8\00_資料等\00_資料等\"/>
    </mc:Choice>
  </mc:AlternateContent>
  <xr:revisionPtr revIDLastSave="0" documentId="13_ncr:1_{D9F3436A-83CD-47E8-831B-7FFF5A661C06}" xr6:coauthVersionLast="47" xr6:coauthVersionMax="47" xr10:uidLastSave="{00000000-0000-0000-0000-000000000000}"/>
  <bookViews>
    <workbookView xWindow="-23148" yWindow="-108" windowWidth="23256" windowHeight="13896" xr2:uid="{00000000-000D-0000-FFFF-FFFF00000000}"/>
  </bookViews>
  <sheets>
    <sheet name="２-1 " sheetId="18" r:id="rId1"/>
    <sheet name="２-1  (記載例)" sheetId="22" r:id="rId2"/>
    <sheet name="２-2 " sheetId="17" r:id="rId3"/>
    <sheet name="２-2  (記載例)" sheetId="25" r:id="rId4"/>
    <sheet name="５-1 " sheetId="19" r:id="rId5"/>
    <sheet name="５-1  (記載例)" sheetId="23" r:id="rId6"/>
    <sheet name="５-2 " sheetId="20" r:id="rId7"/>
    <sheet name="５-2  (記載例)" sheetId="26" r:id="rId8"/>
  </sheets>
  <externalReferences>
    <externalReference r:id="rId9"/>
  </externalReferences>
  <definedNames>
    <definedName name="_xlnm.Print_Area" localSheetId="2">'２-2 '!$B$1:$G$15</definedName>
    <definedName name="_xlnm.Print_Area" localSheetId="3">'２-2  (記載例)'!$B$1:$G$15</definedName>
    <definedName name="_xlnm.Print_Area" localSheetId="6">'５-2 '!$B$1:$G$15</definedName>
    <definedName name="_xlnm.Print_Area" localSheetId="7">'５-2  (記載例)'!$B$1:$G$15</definedName>
    <definedName name="事業分類">[1]事業分類・区分!$B$2:$H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15" i="23" l="1"/>
  <c r="H15" i="22"/>
  <c r="H15" i="18"/>
  <c r="E12" i="26" l="1"/>
  <c r="E12" i="25"/>
  <c r="K15" i="19"/>
  <c r="E12" i="20"/>
  <c r="E12" i="17"/>
</calcChain>
</file>

<file path=xl/sharedStrings.xml><?xml version="1.0" encoding="utf-8"?>
<sst xmlns="http://schemas.openxmlformats.org/spreadsheetml/2006/main" count="235" uniqueCount="67">
  <si>
    <t>施設の名称</t>
    <rPh sb="0" eb="2">
      <t>シセツ</t>
    </rPh>
    <rPh sb="3" eb="5">
      <t>メイショウ</t>
    </rPh>
    <phoneticPr fontId="1"/>
  </si>
  <si>
    <t>交付額</t>
    <rPh sb="0" eb="2">
      <t>コウフ</t>
    </rPh>
    <rPh sb="2" eb="3">
      <t>ガク</t>
    </rPh>
    <phoneticPr fontId="1"/>
  </si>
  <si>
    <t>円</t>
    <rPh sb="0" eb="1">
      <t>エン</t>
    </rPh>
    <phoneticPr fontId="1"/>
  </si>
  <si>
    <t>（作成要領）</t>
    <rPh sb="1" eb="3">
      <t>サクセイ</t>
    </rPh>
    <rPh sb="3" eb="5">
      <t>ヨウリョウ</t>
    </rPh>
    <phoneticPr fontId="1"/>
  </si>
  <si>
    <t>経　費　所　要　額　精　算　書</t>
    <rPh sb="0" eb="1">
      <t>キョウ</t>
    </rPh>
    <rPh sb="2" eb="3">
      <t>ヒ</t>
    </rPh>
    <rPh sb="4" eb="5">
      <t>ショ</t>
    </rPh>
    <rPh sb="6" eb="7">
      <t>ヨウ</t>
    </rPh>
    <rPh sb="8" eb="9">
      <t>ガク</t>
    </rPh>
    <rPh sb="10" eb="11">
      <t>セイ</t>
    </rPh>
    <rPh sb="12" eb="13">
      <t>ザン</t>
    </rPh>
    <rPh sb="14" eb="15">
      <t>ショ</t>
    </rPh>
    <phoneticPr fontId="1"/>
  </si>
  <si>
    <t>交付決定額</t>
    <rPh sb="0" eb="2">
      <t>コウフ</t>
    </rPh>
    <rPh sb="2" eb="4">
      <t>ケッテイ</t>
    </rPh>
    <rPh sb="4" eb="5">
      <t>ガク</t>
    </rPh>
    <phoneticPr fontId="1"/>
  </si>
  <si>
    <t>不足額</t>
    <rPh sb="0" eb="2">
      <t>フソク</t>
    </rPh>
    <rPh sb="2" eb="3">
      <t>ガク</t>
    </rPh>
    <phoneticPr fontId="1"/>
  </si>
  <si>
    <t>（Ａ）</t>
    <phoneticPr fontId="1"/>
  </si>
  <si>
    <t>（Ｂ）</t>
    <phoneticPr fontId="1"/>
  </si>
  <si>
    <t>（Ｅ）</t>
    <phoneticPr fontId="1"/>
  </si>
  <si>
    <t>（Ｆ）</t>
    <phoneticPr fontId="1"/>
  </si>
  <si>
    <t>（Ｇ）</t>
    <phoneticPr fontId="1"/>
  </si>
  <si>
    <t>合　計</t>
    <rPh sb="0" eb="1">
      <t>ゴウ</t>
    </rPh>
    <rPh sb="2" eb="3">
      <t>ケイ</t>
    </rPh>
    <phoneticPr fontId="1"/>
  </si>
  <si>
    <t>品名</t>
    <rPh sb="0" eb="2">
      <t>ヒンメイ</t>
    </rPh>
    <phoneticPr fontId="1"/>
  </si>
  <si>
    <t>規格</t>
    <rPh sb="0" eb="2">
      <t>キカク</t>
    </rPh>
    <phoneticPr fontId="1"/>
  </si>
  <si>
    <t>金額</t>
    <rPh sb="0" eb="2">
      <t>キンガク</t>
    </rPh>
    <phoneticPr fontId="1"/>
  </si>
  <si>
    <t>設置場所</t>
    <rPh sb="0" eb="2">
      <t>セッチ</t>
    </rPh>
    <rPh sb="2" eb="4">
      <t>バショ</t>
    </rPh>
    <phoneticPr fontId="1"/>
  </si>
  <si>
    <t>備考</t>
    <rPh sb="0" eb="2">
      <t>ビコウ</t>
    </rPh>
    <phoneticPr fontId="1"/>
  </si>
  <si>
    <t>－</t>
    <phoneticPr fontId="1"/>
  </si>
  <si>
    <t>１．施設の名称</t>
    <rPh sb="2" eb="4">
      <t>シセツ</t>
    </rPh>
    <rPh sb="5" eb="7">
      <t>メイショウ</t>
    </rPh>
    <phoneticPr fontId="1"/>
  </si>
  <si>
    <t>２．施設の所在地</t>
    <rPh sb="2" eb="4">
      <t>シセツ</t>
    </rPh>
    <rPh sb="5" eb="8">
      <t>ショザイチ</t>
    </rPh>
    <phoneticPr fontId="1"/>
  </si>
  <si>
    <t>円</t>
    <phoneticPr fontId="1"/>
  </si>
  <si>
    <t>合計</t>
    <rPh sb="0" eb="2">
      <t>ゴウケイ</t>
    </rPh>
    <phoneticPr fontId="1"/>
  </si>
  <si>
    <t>３．設備整備の内容</t>
    <rPh sb="2" eb="4">
      <t>セツビ</t>
    </rPh>
    <rPh sb="4" eb="6">
      <t>セイビ</t>
    </rPh>
    <rPh sb="7" eb="9">
      <t>ナイヨウ</t>
    </rPh>
    <phoneticPr fontId="1"/>
  </si>
  <si>
    <t>事　業　計　画　書　（変更後）</t>
    <rPh sb="0" eb="1">
      <t>コト</t>
    </rPh>
    <rPh sb="2" eb="3">
      <t>ゴウ</t>
    </rPh>
    <rPh sb="4" eb="5">
      <t>ケイ</t>
    </rPh>
    <rPh sb="6" eb="7">
      <t>ガ</t>
    </rPh>
    <rPh sb="8" eb="9">
      <t>ショ</t>
    </rPh>
    <rPh sb="11" eb="12">
      <t>ヘン</t>
    </rPh>
    <rPh sb="12" eb="13">
      <t>サラ</t>
    </rPh>
    <rPh sb="13" eb="14">
      <t>ゴ</t>
    </rPh>
    <phoneticPr fontId="1"/>
  </si>
  <si>
    <t>所要額</t>
    <rPh sb="0" eb="2">
      <t>ショヨウ</t>
    </rPh>
    <rPh sb="2" eb="3">
      <t>ガク</t>
    </rPh>
    <phoneticPr fontId="1"/>
  </si>
  <si>
    <t>（C）</t>
    <phoneticPr fontId="1"/>
  </si>
  <si>
    <t>補助基本額</t>
    <rPh sb="0" eb="2">
      <t>ホジョ</t>
    </rPh>
    <rPh sb="2" eb="4">
      <t>キホン</t>
    </rPh>
    <rPh sb="4" eb="5">
      <t>ガク</t>
    </rPh>
    <phoneticPr fontId="1"/>
  </si>
  <si>
    <t>（AあるいはDのいずれか低い額）</t>
    <rPh sb="12" eb="13">
      <t>ヒク</t>
    </rPh>
    <rPh sb="14" eb="15">
      <t>ガク</t>
    </rPh>
    <phoneticPr fontId="1"/>
  </si>
  <si>
    <t>（Ｄ）</t>
    <phoneticPr fontId="1"/>
  </si>
  <si>
    <t>（B-C)</t>
    <phoneticPr fontId="1"/>
  </si>
  <si>
    <t>（E×F)</t>
    <phoneticPr fontId="1"/>
  </si>
  <si>
    <t>経　費　所　要　額　調　（変更後）</t>
    <rPh sb="0" eb="1">
      <t>キョウ</t>
    </rPh>
    <rPh sb="2" eb="3">
      <t>ヒ</t>
    </rPh>
    <rPh sb="4" eb="5">
      <t>ショ</t>
    </rPh>
    <rPh sb="6" eb="7">
      <t>ヨウ</t>
    </rPh>
    <rPh sb="8" eb="9">
      <t>ガク</t>
    </rPh>
    <rPh sb="10" eb="11">
      <t>シラ</t>
    </rPh>
    <rPh sb="13" eb="15">
      <t>ヘンコウ</t>
    </rPh>
    <rPh sb="15" eb="16">
      <t>ゴ</t>
    </rPh>
    <phoneticPr fontId="1"/>
  </si>
  <si>
    <t>別紙２-１</t>
    <rPh sb="0" eb="2">
      <t>ベッシ</t>
    </rPh>
    <phoneticPr fontId="1"/>
  </si>
  <si>
    <t>別紙２－２</t>
    <rPh sb="0" eb="2">
      <t>ベッシ</t>
    </rPh>
    <phoneticPr fontId="1"/>
  </si>
  <si>
    <t>製造者名</t>
    <rPh sb="0" eb="2">
      <t>セイゾウ</t>
    </rPh>
    <rPh sb="2" eb="3">
      <t>シャ</t>
    </rPh>
    <rPh sb="3" eb="4">
      <t>メイ</t>
    </rPh>
    <phoneticPr fontId="1"/>
  </si>
  <si>
    <t>（H）</t>
    <phoneticPr fontId="1"/>
  </si>
  <si>
    <t>（Ⅰ）</t>
    <phoneticPr fontId="1"/>
  </si>
  <si>
    <t>（J）</t>
    <phoneticPr fontId="1"/>
  </si>
  <si>
    <t>差引過</t>
    <rPh sb="0" eb="2">
      <t>サシヒ</t>
    </rPh>
    <rPh sb="2" eb="3">
      <t>カ</t>
    </rPh>
    <phoneticPr fontId="1"/>
  </si>
  <si>
    <t>補助金
受入済額</t>
    <rPh sb="0" eb="3">
      <t>ホジョキン</t>
    </rPh>
    <rPh sb="4" eb="6">
      <t>ウケイレ</t>
    </rPh>
    <rPh sb="6" eb="7">
      <t>ズミ</t>
    </rPh>
    <rPh sb="7" eb="8">
      <t>ガク</t>
    </rPh>
    <phoneticPr fontId="1"/>
  </si>
  <si>
    <t>事　業　実　績　報　告　書　</t>
    <rPh sb="0" eb="1">
      <t>コト</t>
    </rPh>
    <rPh sb="2" eb="3">
      <t>ゴウ</t>
    </rPh>
    <rPh sb="4" eb="5">
      <t>ミノル</t>
    </rPh>
    <rPh sb="6" eb="7">
      <t>イサオ</t>
    </rPh>
    <rPh sb="8" eb="9">
      <t>ホウ</t>
    </rPh>
    <rPh sb="10" eb="11">
      <t>コク</t>
    </rPh>
    <rPh sb="12" eb="13">
      <t>ショ</t>
    </rPh>
    <phoneticPr fontId="1"/>
  </si>
  <si>
    <t>別紙５－２</t>
    <rPh sb="0" eb="2">
      <t>ベッシ</t>
    </rPh>
    <phoneticPr fontId="1"/>
  </si>
  <si>
    <t>１　（Ａ）欄から（I）欄は、交付要綱第４条（補助額の算出方法等）に従い金額を記入し、（J）欄を算出すること。</t>
    <rPh sb="5" eb="6">
      <t>ラン</t>
    </rPh>
    <rPh sb="11" eb="12">
      <t>ラン</t>
    </rPh>
    <rPh sb="14" eb="16">
      <t>コウフ</t>
    </rPh>
    <rPh sb="16" eb="18">
      <t>ヨウコウ</t>
    </rPh>
    <rPh sb="18" eb="19">
      <t>ダイ</t>
    </rPh>
    <rPh sb="20" eb="21">
      <t>ジョウ</t>
    </rPh>
    <rPh sb="22" eb="24">
      <t>ホジョ</t>
    </rPh>
    <rPh sb="24" eb="25">
      <t>ガク</t>
    </rPh>
    <rPh sb="26" eb="28">
      <t>サンシュツ</t>
    </rPh>
    <rPh sb="28" eb="30">
      <t>ホウホウ</t>
    </rPh>
    <rPh sb="30" eb="31">
      <t>トウ</t>
    </rPh>
    <rPh sb="33" eb="34">
      <t>シタガ</t>
    </rPh>
    <rPh sb="35" eb="37">
      <t>キンガク</t>
    </rPh>
    <rPh sb="38" eb="40">
      <t>キニュウ</t>
    </rPh>
    <rPh sb="45" eb="46">
      <t>ラン</t>
    </rPh>
    <rPh sb="47" eb="49">
      <t>サンシュツ</t>
    </rPh>
    <phoneticPr fontId="1"/>
  </si>
  <si>
    <t>１　（Ａ）欄から（Ｆ）欄は、交付要綱第４条（補助額の算出方法等）に従い金額を記入し、（Ｇ）欄を算出すること。</t>
    <rPh sb="5" eb="6">
      <t>ラン</t>
    </rPh>
    <rPh sb="11" eb="12">
      <t>ラン</t>
    </rPh>
    <rPh sb="14" eb="16">
      <t>コウフ</t>
    </rPh>
    <rPh sb="16" eb="18">
      <t>ヨウコウ</t>
    </rPh>
    <rPh sb="18" eb="19">
      <t>ダイ</t>
    </rPh>
    <rPh sb="20" eb="21">
      <t>ジョウ</t>
    </rPh>
    <rPh sb="22" eb="24">
      <t>ホジョ</t>
    </rPh>
    <rPh sb="24" eb="25">
      <t>ガク</t>
    </rPh>
    <rPh sb="26" eb="28">
      <t>サンシュツ</t>
    </rPh>
    <rPh sb="28" eb="30">
      <t>ホウホウ</t>
    </rPh>
    <rPh sb="30" eb="31">
      <t>トウ</t>
    </rPh>
    <rPh sb="33" eb="34">
      <t>シタガ</t>
    </rPh>
    <rPh sb="35" eb="37">
      <t>キンガク</t>
    </rPh>
    <rPh sb="38" eb="40">
      <t>キニュウ</t>
    </rPh>
    <rPh sb="45" eb="46">
      <t>ラン</t>
    </rPh>
    <rPh sb="47" eb="49">
      <t>サンシュツ</t>
    </rPh>
    <phoneticPr fontId="1"/>
  </si>
  <si>
    <t>２　（B）欄には、対象経費にかかる実支出額を記入すること。</t>
    <rPh sb="5" eb="6">
      <t>ラン</t>
    </rPh>
    <rPh sb="9" eb="11">
      <t>タイショウ</t>
    </rPh>
    <rPh sb="11" eb="13">
      <t>ケイヒ</t>
    </rPh>
    <rPh sb="17" eb="18">
      <t>ジツ</t>
    </rPh>
    <rPh sb="18" eb="20">
      <t>シシュツ</t>
    </rPh>
    <rPh sb="20" eb="21">
      <t>ガク</t>
    </rPh>
    <rPh sb="22" eb="24">
      <t>キニュウ</t>
    </rPh>
    <phoneticPr fontId="1"/>
  </si>
  <si>
    <t>〇〇クリニック</t>
    <phoneticPr fontId="1"/>
  </si>
  <si>
    <t>医療法人●●会　〇〇クリニック</t>
    <rPh sb="0" eb="2">
      <t>イリョウ</t>
    </rPh>
    <rPh sb="2" eb="4">
      <t>ホウジン</t>
    </rPh>
    <rPh sb="6" eb="7">
      <t>カイ</t>
    </rPh>
    <phoneticPr fontId="1"/>
  </si>
  <si>
    <t>●●市○○町１－１</t>
    <rPh sb="2" eb="3">
      <t>シ</t>
    </rPh>
    <rPh sb="5" eb="6">
      <t>マチ</t>
    </rPh>
    <phoneticPr fontId="1"/>
  </si>
  <si>
    <t>AABR機器〇〇〇〇</t>
    <rPh sb="4" eb="6">
      <t>キキ</t>
    </rPh>
    <phoneticPr fontId="1"/>
  </si>
  <si>
    <t>●●●社</t>
    <rPh sb="3" eb="4">
      <t>シャ</t>
    </rPh>
    <phoneticPr fontId="1"/>
  </si>
  <si>
    <t>××―××</t>
  </si>
  <si>
    <t>××―××</t>
    <phoneticPr fontId="1"/>
  </si>
  <si>
    <t>◎◎室</t>
    <rPh sb="2" eb="3">
      <t>シツ</t>
    </rPh>
    <phoneticPr fontId="1"/>
  </si>
  <si>
    <t>別紙５－１</t>
    <rPh sb="0" eb="2">
      <t>ベッシ</t>
    </rPh>
    <phoneticPr fontId="1"/>
  </si>
  <si>
    <t>（G‐I）</t>
    <phoneticPr fontId="1"/>
  </si>
  <si>
    <t>（G‐I）</t>
    <phoneticPr fontId="1"/>
  </si>
  <si>
    <t>10/10</t>
    <phoneticPr fontId="1"/>
  </si>
  <si>
    <t>要補助額</t>
    <rPh sb="0" eb="1">
      <t>ヨウ</t>
    </rPh>
    <rPh sb="1" eb="3">
      <t>ホジョ</t>
    </rPh>
    <rPh sb="3" eb="4">
      <t>ガク</t>
    </rPh>
    <phoneticPr fontId="1"/>
  </si>
  <si>
    <t>記載例</t>
    <rPh sb="0" eb="2">
      <t>キサイ</t>
    </rPh>
    <rPh sb="2" eb="3">
      <t>レイ</t>
    </rPh>
    <phoneticPr fontId="1"/>
  </si>
  <si>
    <t>（事業者名）</t>
    <rPh sb="1" eb="3">
      <t>ジギョウ</t>
    </rPh>
    <rPh sb="3" eb="4">
      <t>シャ</t>
    </rPh>
    <rPh sb="4" eb="5">
      <t>メイ</t>
    </rPh>
    <phoneticPr fontId="1"/>
  </si>
  <si>
    <t>機器購入に係るその他の補助金等の収入額</t>
    <phoneticPr fontId="1"/>
  </si>
  <si>
    <t>別表の第３欄に定める基準額</t>
    <rPh sb="0" eb="2">
      <t>ベッピョウ</t>
    </rPh>
    <rPh sb="3" eb="4">
      <t>ダイ</t>
    </rPh>
    <rPh sb="5" eb="6">
      <t>ラン</t>
    </rPh>
    <phoneticPr fontId="1"/>
  </si>
  <si>
    <t>別表の第４欄に定める対象経費の支出予定額</t>
    <rPh sb="0" eb="2">
      <t>ベッピョウ</t>
    </rPh>
    <rPh sb="3" eb="4">
      <t>ダイ</t>
    </rPh>
    <rPh sb="5" eb="6">
      <t>ラン</t>
    </rPh>
    <phoneticPr fontId="1"/>
  </si>
  <si>
    <t>別表の第５欄に定める対象経費の補助率</t>
    <rPh sb="0" eb="2">
      <t>ベッピョウ</t>
    </rPh>
    <rPh sb="3" eb="4">
      <t>ダイ</t>
    </rPh>
    <rPh sb="5" eb="6">
      <t>ラン</t>
    </rPh>
    <phoneticPr fontId="1"/>
  </si>
  <si>
    <t>別表の第４欄に定める対象経費の実支出額</t>
    <rPh sb="0" eb="2">
      <t>ベッピョウ</t>
    </rPh>
    <rPh sb="3" eb="4">
      <t>ダイ</t>
    </rPh>
    <rPh sb="5" eb="6">
      <t>ラン</t>
    </rPh>
    <rPh sb="15" eb="16">
      <t>ジツ</t>
    </rPh>
    <phoneticPr fontId="1"/>
  </si>
  <si>
    <t>医療法人●●会　〇〇クリニック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1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rgb="FFFFFF00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38" fontId="2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</cellStyleXfs>
  <cellXfs count="106">
    <xf numFmtId="0" fontId="0" fillId="0" borderId="0" xfId="0"/>
    <xf numFmtId="0" fontId="4" fillId="0" borderId="0" xfId="0" applyFont="1"/>
    <xf numFmtId="0" fontId="4" fillId="0" borderId="0" xfId="0" applyFont="1" applyBorder="1"/>
    <xf numFmtId="0" fontId="4" fillId="0" borderId="3" xfId="0" applyFont="1" applyBorder="1"/>
    <xf numFmtId="0" fontId="4" fillId="0" borderId="4" xfId="0" applyFont="1" applyBorder="1"/>
    <xf numFmtId="0" fontId="4" fillId="0" borderId="2" xfId="0" applyFont="1" applyBorder="1"/>
    <xf numFmtId="0" fontId="4" fillId="0" borderId="6" xfId="0" applyFont="1" applyBorder="1" applyAlignment="1">
      <alignment horizontal="center"/>
    </xf>
    <xf numFmtId="0" fontId="4" fillId="0" borderId="0" xfId="0" applyFont="1" applyBorder="1" applyAlignment="1">
      <alignment horizontal="center"/>
    </xf>
    <xf numFmtId="0" fontId="4" fillId="0" borderId="0" xfId="0" applyFont="1" applyBorder="1" applyAlignment="1"/>
    <xf numFmtId="0" fontId="4" fillId="0" borderId="6" xfId="0" applyFont="1" applyBorder="1" applyAlignment="1"/>
    <xf numFmtId="0" fontId="4" fillId="0" borderId="0" xfId="0" applyFont="1" applyAlignment="1">
      <alignment horizontal="center"/>
    </xf>
    <xf numFmtId="0" fontId="6" fillId="0" borderId="5" xfId="0" applyFont="1" applyBorder="1" applyAlignment="1">
      <alignment horizontal="right"/>
    </xf>
    <xf numFmtId="0" fontId="6" fillId="0" borderId="3" xfId="0" applyFont="1" applyBorder="1" applyAlignment="1">
      <alignment horizontal="right"/>
    </xf>
    <xf numFmtId="0" fontId="6" fillId="0" borderId="0" xfId="0" applyFont="1" applyAlignment="1">
      <alignment horizontal="right"/>
    </xf>
    <xf numFmtId="0" fontId="4" fillId="0" borderId="1" xfId="0" applyFont="1" applyBorder="1"/>
    <xf numFmtId="0" fontId="7" fillId="0" borderId="4" xfId="0" applyFont="1" applyBorder="1" applyAlignment="1">
      <alignment horizontal="right"/>
    </xf>
    <xf numFmtId="0" fontId="7" fillId="0" borderId="2" xfId="0" applyFont="1" applyBorder="1" applyAlignment="1">
      <alignment horizontal="right"/>
    </xf>
    <xf numFmtId="0" fontId="4" fillId="0" borderId="10" xfId="0" applyFont="1" applyBorder="1"/>
    <xf numFmtId="0" fontId="4" fillId="0" borderId="5" xfId="0" applyFont="1" applyBorder="1"/>
    <xf numFmtId="0" fontId="4" fillId="0" borderId="7" xfId="0" applyFont="1" applyBorder="1"/>
    <xf numFmtId="0" fontId="4" fillId="0" borderId="8" xfId="0" applyFont="1" applyBorder="1"/>
    <xf numFmtId="0" fontId="4" fillId="0" borderId="8" xfId="0" applyFont="1" applyBorder="1" applyAlignment="1">
      <alignment horizontal="right"/>
    </xf>
    <xf numFmtId="0" fontId="4" fillId="0" borderId="9" xfId="0" applyFont="1" applyBorder="1" applyAlignment="1">
      <alignment horizontal="center"/>
    </xf>
    <xf numFmtId="0" fontId="3" fillId="0" borderId="0" xfId="0" applyFont="1" applyAlignment="1">
      <alignment vertical="center"/>
    </xf>
    <xf numFmtId="0" fontId="3" fillId="0" borderId="0" xfId="0" applyFont="1" applyFill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3" fillId="0" borderId="11" xfId="0" applyFont="1" applyBorder="1" applyAlignment="1">
      <alignment horizontal="distributed" vertical="center" justifyLastLine="1"/>
    </xf>
    <xf numFmtId="0" fontId="3" fillId="0" borderId="12" xfId="0" applyFont="1" applyBorder="1" applyAlignment="1">
      <alignment horizontal="distributed" vertical="center" justifyLastLine="1"/>
    </xf>
    <xf numFmtId="0" fontId="3" fillId="0" borderId="13" xfId="0" applyFont="1" applyBorder="1" applyAlignment="1">
      <alignment horizontal="distributed" vertical="center" justifyLastLine="1"/>
    </xf>
    <xf numFmtId="0" fontId="3" fillId="0" borderId="14" xfId="0" applyFont="1" applyBorder="1" applyAlignment="1">
      <alignment horizontal="distributed" vertical="center" justifyLastLine="1"/>
    </xf>
    <xf numFmtId="0" fontId="3" fillId="0" borderId="15" xfId="0" applyFont="1" applyBorder="1" applyAlignment="1">
      <alignment vertical="center"/>
    </xf>
    <xf numFmtId="38" fontId="3" fillId="0" borderId="6" xfId="1" applyFont="1" applyBorder="1" applyAlignment="1">
      <alignment vertical="center"/>
    </xf>
    <xf numFmtId="38" fontId="3" fillId="0" borderId="1" xfId="1" applyFont="1" applyFill="1" applyBorder="1" applyAlignment="1">
      <alignment horizontal="right" vertical="center"/>
    </xf>
    <xf numFmtId="38" fontId="3" fillId="0" borderId="16" xfId="1" applyFont="1" applyBorder="1" applyAlignment="1">
      <alignment vertical="center"/>
    </xf>
    <xf numFmtId="0" fontId="3" fillId="2" borderId="19" xfId="0" applyFont="1" applyFill="1" applyBorder="1" applyAlignment="1">
      <alignment vertical="center"/>
    </xf>
    <xf numFmtId="38" fontId="3" fillId="2" borderId="6" xfId="1" applyFont="1" applyFill="1" applyBorder="1" applyAlignment="1">
      <alignment vertical="center"/>
    </xf>
    <xf numFmtId="38" fontId="3" fillId="2" borderId="17" xfId="1" applyFont="1" applyFill="1" applyBorder="1" applyAlignment="1">
      <alignment vertical="center"/>
    </xf>
    <xf numFmtId="38" fontId="3" fillId="2" borderId="16" xfId="1" applyFont="1" applyFill="1" applyBorder="1" applyAlignment="1">
      <alignment vertical="center"/>
    </xf>
    <xf numFmtId="0" fontId="3" fillId="0" borderId="0" xfId="0" applyFont="1" applyBorder="1" applyAlignment="1">
      <alignment vertical="center"/>
    </xf>
    <xf numFmtId="0" fontId="6" fillId="0" borderId="6" xfId="0" applyFont="1" applyBorder="1" applyAlignment="1">
      <alignment horizontal="center"/>
    </xf>
    <xf numFmtId="38" fontId="4" fillId="0" borderId="3" xfId="2" applyFont="1" applyBorder="1" applyAlignment="1"/>
    <xf numFmtId="0" fontId="4" fillId="0" borderId="6" xfId="0" applyFont="1" applyBorder="1"/>
    <xf numFmtId="38" fontId="4" fillId="0" borderId="6" xfId="0" applyNumberFormat="1" applyFont="1" applyBorder="1"/>
    <xf numFmtId="38" fontId="4" fillId="0" borderId="9" xfId="2" applyFont="1" applyBorder="1" applyAlignment="1">
      <alignment horizontal="center"/>
    </xf>
    <xf numFmtId="0" fontId="4" fillId="0" borderId="28" xfId="0" applyFont="1" applyBorder="1"/>
    <xf numFmtId="0" fontId="4" fillId="0" borderId="29" xfId="0" applyFont="1" applyBorder="1"/>
    <xf numFmtId="0" fontId="4" fillId="0" borderId="30" xfId="0" applyFont="1" applyBorder="1"/>
    <xf numFmtId="0" fontId="4" fillId="0" borderId="31" xfId="0" applyFont="1" applyBorder="1" applyAlignment="1">
      <alignment horizontal="center"/>
    </xf>
    <xf numFmtId="0" fontId="4" fillId="0" borderId="32" xfId="0" applyFont="1" applyBorder="1" applyAlignment="1">
      <alignment horizontal="center"/>
    </xf>
    <xf numFmtId="0" fontId="4" fillId="0" borderId="33" xfId="0" applyFont="1" applyBorder="1" applyAlignment="1">
      <alignment horizontal="center"/>
    </xf>
    <xf numFmtId="0" fontId="6" fillId="0" borderId="34" xfId="0" applyFont="1" applyBorder="1" applyAlignment="1">
      <alignment horizontal="right"/>
    </xf>
    <xf numFmtId="0" fontId="6" fillId="0" borderId="35" xfId="0" applyFont="1" applyBorder="1" applyAlignment="1">
      <alignment horizontal="right"/>
    </xf>
    <xf numFmtId="0" fontId="6" fillId="0" borderId="36" xfId="0" applyFont="1" applyBorder="1" applyAlignment="1">
      <alignment horizontal="right"/>
    </xf>
    <xf numFmtId="0" fontId="7" fillId="0" borderId="28" xfId="0" applyFont="1" applyBorder="1" applyAlignment="1">
      <alignment horizontal="right"/>
    </xf>
    <xf numFmtId="0" fontId="7" fillId="0" borderId="29" xfId="0" applyFont="1" applyBorder="1" applyAlignment="1">
      <alignment horizontal="right"/>
    </xf>
    <xf numFmtId="0" fontId="7" fillId="0" borderId="30" xfId="0" applyFont="1" applyBorder="1" applyAlignment="1">
      <alignment horizontal="right"/>
    </xf>
    <xf numFmtId="0" fontId="4" fillId="0" borderId="34" xfId="0" applyFont="1" applyBorder="1"/>
    <xf numFmtId="0" fontId="4" fillId="0" borderId="35" xfId="0" applyFont="1" applyBorder="1"/>
    <xf numFmtId="0" fontId="4" fillId="0" borderId="36" xfId="0" applyFont="1" applyBorder="1"/>
    <xf numFmtId="0" fontId="5" fillId="0" borderId="0" xfId="0" applyFont="1" applyAlignment="1">
      <alignment horizontal="center"/>
    </xf>
    <xf numFmtId="0" fontId="7" fillId="0" borderId="37" xfId="0" applyFont="1" applyBorder="1" applyAlignment="1">
      <alignment horizontal="right"/>
    </xf>
    <xf numFmtId="0" fontId="7" fillId="0" borderId="1" xfId="0" applyFont="1" applyBorder="1" applyAlignment="1">
      <alignment horizontal="right"/>
    </xf>
    <xf numFmtId="0" fontId="7" fillId="0" borderId="24" xfId="0" applyFont="1" applyBorder="1" applyAlignment="1">
      <alignment horizontal="right"/>
    </xf>
    <xf numFmtId="0" fontId="8" fillId="0" borderId="0" xfId="0" applyFont="1"/>
    <xf numFmtId="0" fontId="8" fillId="0" borderId="3" xfId="0" applyFont="1" applyBorder="1"/>
    <xf numFmtId="0" fontId="8" fillId="0" borderId="10" xfId="0" applyFont="1" applyBorder="1"/>
    <xf numFmtId="38" fontId="8" fillId="0" borderId="5" xfId="2" applyFont="1" applyBorder="1" applyAlignment="1"/>
    <xf numFmtId="38" fontId="8" fillId="0" borderId="34" xfId="2" applyFont="1" applyBorder="1" applyAlignment="1"/>
    <xf numFmtId="38" fontId="8" fillId="0" borderId="39" xfId="2" applyFont="1" applyBorder="1" applyAlignment="1"/>
    <xf numFmtId="38" fontId="8" fillId="0" borderId="38" xfId="2" applyFont="1" applyBorder="1" applyAlignment="1"/>
    <xf numFmtId="38" fontId="8" fillId="0" borderId="3" xfId="2" applyFont="1" applyBorder="1" applyAlignment="1"/>
    <xf numFmtId="49" fontId="8" fillId="0" borderId="5" xfId="2" applyNumberFormat="1" applyFont="1" applyBorder="1" applyAlignment="1">
      <alignment horizontal="center"/>
    </xf>
    <xf numFmtId="38" fontId="8" fillId="0" borderId="21" xfId="2" applyFont="1" applyBorder="1" applyAlignment="1"/>
    <xf numFmtId="0" fontId="8" fillId="3" borderId="9" xfId="0" applyFont="1" applyFill="1" applyBorder="1" applyAlignment="1">
      <alignment horizontal="center"/>
    </xf>
    <xf numFmtId="0" fontId="9" fillId="2" borderId="19" xfId="0" applyFont="1" applyFill="1" applyBorder="1" applyAlignment="1">
      <alignment vertical="center"/>
    </xf>
    <xf numFmtId="38" fontId="9" fillId="2" borderId="6" xfId="1" applyFont="1" applyFill="1" applyBorder="1" applyAlignment="1">
      <alignment vertical="center"/>
    </xf>
    <xf numFmtId="38" fontId="9" fillId="2" borderId="17" xfId="1" applyFont="1" applyFill="1" applyBorder="1" applyAlignment="1">
      <alignment vertical="center"/>
    </xf>
    <xf numFmtId="38" fontId="9" fillId="2" borderId="16" xfId="1" applyFont="1" applyFill="1" applyBorder="1" applyAlignment="1">
      <alignment vertical="center"/>
    </xf>
    <xf numFmtId="38" fontId="8" fillId="0" borderId="10" xfId="2" applyFont="1" applyBorder="1" applyAlignment="1"/>
    <xf numFmtId="38" fontId="8" fillId="0" borderId="6" xfId="2" applyFont="1" applyBorder="1" applyAlignment="1"/>
    <xf numFmtId="0" fontId="5" fillId="0" borderId="0" xfId="0" applyFont="1" applyAlignment="1">
      <alignment horizontal="center"/>
    </xf>
    <xf numFmtId="0" fontId="4" fillId="0" borderId="6" xfId="0" applyFont="1" applyBorder="1" applyAlignment="1">
      <alignment horizontal="left" wrapText="1"/>
    </xf>
    <xf numFmtId="0" fontId="4" fillId="0" borderId="31" xfId="0" applyFont="1" applyBorder="1" applyAlignment="1">
      <alignment vertical="top" wrapText="1"/>
    </xf>
    <xf numFmtId="0" fontId="4" fillId="0" borderId="32" xfId="0" applyFont="1" applyBorder="1" applyAlignment="1">
      <alignment horizontal="left" vertical="top" wrapText="1"/>
    </xf>
    <xf numFmtId="0" fontId="3" fillId="0" borderId="0" xfId="0" applyFont="1" applyAlignment="1">
      <alignment horizontal="center" vertical="center"/>
    </xf>
    <xf numFmtId="0" fontId="3" fillId="2" borderId="0" xfId="0" applyFont="1" applyFill="1" applyAlignment="1">
      <alignment horizontal="left" vertical="center"/>
    </xf>
    <xf numFmtId="0" fontId="3" fillId="0" borderId="15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38" fontId="3" fillId="0" borderId="4" xfId="1" applyFont="1" applyBorder="1" applyAlignment="1">
      <alignment horizontal="center" vertical="center"/>
    </xf>
    <xf numFmtId="38" fontId="3" fillId="0" borderId="21" xfId="1" applyFont="1" applyBorder="1" applyAlignment="1">
      <alignment horizontal="center" vertical="center"/>
    </xf>
    <xf numFmtId="38" fontId="3" fillId="0" borderId="1" xfId="1" applyFont="1" applyBorder="1" applyAlignment="1">
      <alignment horizontal="center" vertical="center"/>
    </xf>
    <xf numFmtId="38" fontId="3" fillId="0" borderId="22" xfId="1" applyFont="1" applyBorder="1" applyAlignment="1">
      <alignment horizontal="center" vertical="center"/>
    </xf>
    <xf numFmtId="38" fontId="3" fillId="0" borderId="26" xfId="1" applyFont="1" applyFill="1" applyBorder="1" applyAlignment="1">
      <alignment vertical="center"/>
    </xf>
    <xf numFmtId="38" fontId="3" fillId="0" borderId="27" xfId="1" applyFont="1" applyFill="1" applyBorder="1" applyAlignment="1">
      <alignment vertical="center"/>
    </xf>
    <xf numFmtId="38" fontId="3" fillId="0" borderId="24" xfId="1" applyFont="1" applyBorder="1" applyAlignment="1">
      <alignment horizontal="center" vertical="center"/>
    </xf>
    <xf numFmtId="38" fontId="3" fillId="0" borderId="25" xfId="1" applyFont="1" applyBorder="1" applyAlignment="1">
      <alignment horizontal="center" vertical="center"/>
    </xf>
    <xf numFmtId="38" fontId="3" fillId="0" borderId="18" xfId="1" applyFont="1" applyBorder="1" applyAlignment="1">
      <alignment horizontal="center" vertical="center"/>
    </xf>
    <xf numFmtId="38" fontId="3" fillId="0" borderId="23" xfId="1" applyFont="1" applyBorder="1" applyAlignment="1">
      <alignment horizontal="center" vertical="center"/>
    </xf>
    <xf numFmtId="0" fontId="9" fillId="2" borderId="0" xfId="0" applyFont="1" applyFill="1" applyAlignment="1">
      <alignment horizontal="left" vertical="center"/>
    </xf>
    <xf numFmtId="0" fontId="4" fillId="0" borderId="7" xfId="0" applyFont="1" applyBorder="1" applyAlignment="1">
      <alignment horizontal="right"/>
    </xf>
    <xf numFmtId="0" fontId="4" fillId="0" borderId="8" xfId="0" applyFont="1" applyBorder="1" applyAlignment="1">
      <alignment horizontal="right"/>
    </xf>
    <xf numFmtId="0" fontId="4" fillId="0" borderId="6" xfId="0" applyFont="1" applyBorder="1" applyAlignment="1">
      <alignment horizontal="center" wrapText="1"/>
    </xf>
    <xf numFmtId="0" fontId="4" fillId="0" borderId="6" xfId="0" applyFont="1" applyBorder="1" applyAlignment="1">
      <alignment horizontal="center"/>
    </xf>
    <xf numFmtId="0" fontId="4" fillId="0" borderId="6" xfId="0" applyFont="1" applyBorder="1" applyAlignment="1">
      <alignment horizontal="left" vertical="top" wrapText="1"/>
    </xf>
    <xf numFmtId="38" fontId="3" fillId="0" borderId="1" xfId="1" applyFont="1" applyFill="1" applyBorder="1" applyAlignment="1">
      <alignment vertical="center"/>
    </xf>
    <xf numFmtId="38" fontId="3" fillId="0" borderId="22" xfId="1" applyFont="1" applyFill="1" applyBorder="1" applyAlignment="1">
      <alignment vertical="center"/>
    </xf>
  </cellXfs>
  <cellStyles count="3">
    <cellStyle name="桁区切り" xfId="2" builtinId="6"/>
    <cellStyle name="桁区切り 2" xfId="1" xr:uid="{00000000-0005-0000-0000-000001000000}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C000"/>
  </sheetPr>
  <dimension ref="A1:H18"/>
  <sheetViews>
    <sheetView tabSelected="1" workbookViewId="0">
      <selection activeCell="G4" sqref="G4"/>
    </sheetView>
  </sheetViews>
  <sheetFormatPr defaultColWidth="9" defaultRowHeight="12" x14ac:dyDescent="0.15"/>
  <cols>
    <col min="1" max="1" width="14.625" style="1" customWidth="1"/>
    <col min="2" max="4" width="13.625" style="1" customWidth="1"/>
    <col min="5" max="5" width="11" style="1" customWidth="1"/>
    <col min="6" max="6" width="11.875" style="1" customWidth="1"/>
    <col min="7" max="7" width="13.25" style="1" customWidth="1"/>
    <col min="8" max="8" width="13.625" style="1" customWidth="1"/>
    <col min="9" max="16384" width="9" style="1"/>
  </cols>
  <sheetData>
    <row r="1" spans="1:8" x14ac:dyDescent="0.15">
      <c r="A1" s="1" t="s">
        <v>33</v>
      </c>
    </row>
    <row r="2" spans="1:8" ht="17.25" x14ac:dyDescent="0.2">
      <c r="A2" s="80" t="s">
        <v>32</v>
      </c>
      <c r="B2" s="80"/>
      <c r="C2" s="80"/>
      <c r="D2" s="80"/>
      <c r="E2" s="80"/>
      <c r="F2" s="80"/>
      <c r="G2" s="80"/>
      <c r="H2" s="80"/>
    </row>
    <row r="4" spans="1:8" x14ac:dyDescent="0.15">
      <c r="A4" s="2"/>
      <c r="B4" s="2"/>
      <c r="C4" s="2"/>
      <c r="D4" s="2"/>
      <c r="F4" s="3" t="s">
        <v>60</v>
      </c>
      <c r="G4" s="3"/>
      <c r="H4" s="3"/>
    </row>
    <row r="5" spans="1:8" ht="6" customHeight="1" x14ac:dyDescent="0.15"/>
    <row r="6" spans="1:8" x14ac:dyDescent="0.15">
      <c r="A6" s="4"/>
      <c r="B6" s="5"/>
      <c r="C6" s="44"/>
      <c r="D6" s="45"/>
      <c r="E6" s="46"/>
      <c r="F6" s="5"/>
      <c r="G6" s="4"/>
      <c r="H6" s="4"/>
    </row>
    <row r="7" spans="1:8" s="10" customFormat="1" x14ac:dyDescent="0.15">
      <c r="A7" s="6"/>
      <c r="B7" s="7"/>
      <c r="C7" s="47"/>
      <c r="D7" s="48"/>
      <c r="E7" s="49"/>
      <c r="F7" s="8"/>
      <c r="G7" s="9"/>
      <c r="H7" s="6"/>
    </row>
    <row r="8" spans="1:8" s="10" customFormat="1" ht="12" customHeight="1" x14ac:dyDescent="0.15">
      <c r="A8" s="6" t="s">
        <v>0</v>
      </c>
      <c r="B8" s="81" t="s">
        <v>62</v>
      </c>
      <c r="C8" s="82" t="s">
        <v>63</v>
      </c>
      <c r="D8" s="83" t="s">
        <v>61</v>
      </c>
      <c r="E8" s="49" t="s">
        <v>25</v>
      </c>
      <c r="F8" s="8" t="s">
        <v>27</v>
      </c>
      <c r="G8" s="81" t="s">
        <v>64</v>
      </c>
      <c r="H8" s="6" t="s">
        <v>58</v>
      </c>
    </row>
    <row r="9" spans="1:8" s="10" customFormat="1" ht="13.15" customHeight="1" x14ac:dyDescent="0.15">
      <c r="A9" s="6"/>
      <c r="B9" s="81"/>
      <c r="C9" s="82"/>
      <c r="D9" s="83"/>
      <c r="E9" s="49" t="s">
        <v>30</v>
      </c>
      <c r="F9" s="81" t="s">
        <v>28</v>
      </c>
      <c r="G9" s="81"/>
      <c r="H9" s="6" t="s">
        <v>31</v>
      </c>
    </row>
    <row r="10" spans="1:8" s="10" customFormat="1" x14ac:dyDescent="0.15">
      <c r="A10" s="6"/>
      <c r="B10" s="81"/>
      <c r="C10" s="82"/>
      <c r="D10" s="83"/>
      <c r="E10" s="49"/>
      <c r="F10" s="81"/>
      <c r="G10" s="81"/>
      <c r="H10" s="6"/>
    </row>
    <row r="11" spans="1:8" s="10" customFormat="1" x14ac:dyDescent="0.15">
      <c r="A11" s="6"/>
      <c r="B11" s="7"/>
      <c r="C11" s="82"/>
      <c r="D11" s="83"/>
      <c r="E11" s="49"/>
      <c r="F11" s="81"/>
      <c r="G11" s="6"/>
      <c r="H11" s="6"/>
    </row>
    <row r="12" spans="1:8" s="13" customFormat="1" ht="11.25" x14ac:dyDescent="0.15">
      <c r="A12" s="11"/>
      <c r="B12" s="12" t="s">
        <v>7</v>
      </c>
      <c r="C12" s="50" t="s">
        <v>8</v>
      </c>
      <c r="D12" s="51" t="s">
        <v>26</v>
      </c>
      <c r="E12" s="52" t="s">
        <v>29</v>
      </c>
      <c r="F12" s="12" t="s">
        <v>9</v>
      </c>
      <c r="G12" s="11" t="s">
        <v>10</v>
      </c>
      <c r="H12" s="11" t="s">
        <v>11</v>
      </c>
    </row>
    <row r="13" spans="1:8" ht="10.5" customHeight="1" x14ac:dyDescent="0.15">
      <c r="A13" s="14"/>
      <c r="B13" s="15" t="s">
        <v>2</v>
      </c>
      <c r="C13" s="53" t="s">
        <v>2</v>
      </c>
      <c r="D13" s="54" t="s">
        <v>2</v>
      </c>
      <c r="E13" s="55" t="s">
        <v>2</v>
      </c>
      <c r="F13" s="16" t="s">
        <v>2</v>
      </c>
      <c r="G13" s="4"/>
      <c r="H13" s="15" t="s">
        <v>2</v>
      </c>
    </row>
    <row r="14" spans="1:8" ht="36.6" customHeight="1" thickBot="1" x14ac:dyDescent="0.2">
      <c r="A14" s="17"/>
      <c r="B14" s="18"/>
      <c r="C14" s="56"/>
      <c r="D14" s="57"/>
      <c r="E14" s="58"/>
      <c r="F14" s="3"/>
      <c r="G14" s="18"/>
      <c r="H14" s="41"/>
    </row>
    <row r="15" spans="1:8" ht="19.5" customHeight="1" thickBot="1" x14ac:dyDescent="0.2">
      <c r="A15" s="19"/>
      <c r="B15" s="20"/>
      <c r="C15" s="20"/>
      <c r="D15" s="20"/>
      <c r="E15" s="20"/>
      <c r="F15" s="20"/>
      <c r="G15" s="21" t="s">
        <v>12</v>
      </c>
      <c r="H15" s="22">
        <f>H14</f>
        <v>0</v>
      </c>
    </row>
    <row r="17" spans="1:1" x14ac:dyDescent="0.15">
      <c r="A17" s="1" t="s">
        <v>3</v>
      </c>
    </row>
    <row r="18" spans="1:1" x14ac:dyDescent="0.15">
      <c r="A18" s="1" t="s">
        <v>44</v>
      </c>
    </row>
  </sheetData>
  <mergeCells count="6">
    <mergeCell ref="A2:H2"/>
    <mergeCell ref="F9:F11"/>
    <mergeCell ref="B8:B10"/>
    <mergeCell ref="C8:C11"/>
    <mergeCell ref="G8:G10"/>
    <mergeCell ref="D8:D11"/>
  </mergeCells>
  <phoneticPr fontId="1"/>
  <printOptions horizontalCentered="1"/>
  <pageMargins left="0.39370078740157483" right="0.39370078740157483" top="0.59055118110236227" bottom="0.39370078740157483" header="0.51181102362204722" footer="0.51181102362204722"/>
  <pageSetup paperSize="9" orientation="landscape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C000"/>
  </sheetPr>
  <dimension ref="A1:I18"/>
  <sheetViews>
    <sheetView workbookViewId="0">
      <selection activeCell="G4" sqref="G4"/>
    </sheetView>
  </sheetViews>
  <sheetFormatPr defaultColWidth="9" defaultRowHeight="12" x14ac:dyDescent="0.15"/>
  <cols>
    <col min="1" max="1" width="14.625" style="1" customWidth="1"/>
    <col min="2" max="4" width="13.625" style="1" customWidth="1"/>
    <col min="5" max="5" width="11" style="1" customWidth="1"/>
    <col min="6" max="6" width="11.875" style="1" customWidth="1"/>
    <col min="7" max="7" width="13.25" style="1" customWidth="1"/>
    <col min="8" max="8" width="13.625" style="1" customWidth="1"/>
    <col min="9" max="9" width="10.625" style="1" customWidth="1"/>
    <col min="10" max="16384" width="9" style="1"/>
  </cols>
  <sheetData>
    <row r="1" spans="1:9" ht="12.75" thickBot="1" x14ac:dyDescent="0.2">
      <c r="A1" s="1" t="s">
        <v>33</v>
      </c>
      <c r="B1" s="73" t="s">
        <v>59</v>
      </c>
    </row>
    <row r="2" spans="1:9" ht="17.25" x14ac:dyDescent="0.2">
      <c r="A2" s="80" t="s">
        <v>32</v>
      </c>
      <c r="B2" s="80"/>
      <c r="C2" s="80"/>
      <c r="D2" s="80"/>
      <c r="E2" s="80"/>
      <c r="F2" s="80"/>
      <c r="G2" s="80"/>
      <c r="H2" s="80"/>
      <c r="I2" s="80"/>
    </row>
    <row r="3" spans="1:9" ht="17.25" x14ac:dyDescent="0.2">
      <c r="A3" s="59"/>
      <c r="B3" s="59"/>
      <c r="C3" s="59"/>
      <c r="D3" s="59"/>
      <c r="E3" s="59"/>
      <c r="F3" s="59"/>
      <c r="I3" s="59"/>
    </row>
    <row r="4" spans="1:9" x14ac:dyDescent="0.15">
      <c r="A4" s="2"/>
      <c r="B4" s="2"/>
      <c r="C4" s="2"/>
      <c r="D4" s="2"/>
      <c r="F4" s="3" t="s">
        <v>60</v>
      </c>
      <c r="G4" s="64" t="s">
        <v>47</v>
      </c>
      <c r="H4" s="64"/>
    </row>
    <row r="5" spans="1:9" ht="6" customHeight="1" x14ac:dyDescent="0.15"/>
    <row r="6" spans="1:9" x14ac:dyDescent="0.15">
      <c r="A6" s="4"/>
      <c r="B6" s="5"/>
      <c r="C6" s="44"/>
      <c r="D6" s="45"/>
      <c r="E6" s="46"/>
      <c r="F6" s="5"/>
      <c r="G6" s="4"/>
      <c r="H6" s="4"/>
    </row>
    <row r="7" spans="1:9" s="10" customFormat="1" x14ac:dyDescent="0.15">
      <c r="A7" s="6"/>
      <c r="B7" s="7"/>
      <c r="C7" s="47"/>
      <c r="D7" s="48"/>
      <c r="E7" s="49"/>
      <c r="F7" s="8"/>
      <c r="G7" s="9"/>
      <c r="H7" s="6"/>
    </row>
    <row r="8" spans="1:9" s="10" customFormat="1" ht="12" customHeight="1" x14ac:dyDescent="0.15">
      <c r="A8" s="6" t="s">
        <v>0</v>
      </c>
      <c r="B8" s="81" t="s">
        <v>62</v>
      </c>
      <c r="C8" s="82" t="s">
        <v>63</v>
      </c>
      <c r="D8" s="83" t="s">
        <v>61</v>
      </c>
      <c r="E8" s="49" t="s">
        <v>25</v>
      </c>
      <c r="F8" s="8" t="s">
        <v>27</v>
      </c>
      <c r="G8" s="81" t="s">
        <v>64</v>
      </c>
      <c r="H8" s="6" t="s">
        <v>58</v>
      </c>
    </row>
    <row r="9" spans="1:9" s="10" customFormat="1" ht="13.15" customHeight="1" x14ac:dyDescent="0.15">
      <c r="A9" s="6"/>
      <c r="B9" s="81"/>
      <c r="C9" s="82"/>
      <c r="D9" s="83"/>
      <c r="E9" s="49" t="s">
        <v>30</v>
      </c>
      <c r="F9" s="81" t="s">
        <v>28</v>
      </c>
      <c r="G9" s="81"/>
      <c r="H9" s="6" t="s">
        <v>31</v>
      </c>
    </row>
    <row r="10" spans="1:9" s="10" customFormat="1" x14ac:dyDescent="0.15">
      <c r="A10" s="6"/>
      <c r="B10" s="81"/>
      <c r="C10" s="82"/>
      <c r="D10" s="83"/>
      <c r="E10" s="49"/>
      <c r="F10" s="81"/>
      <c r="G10" s="81"/>
      <c r="H10" s="6"/>
    </row>
    <row r="11" spans="1:9" s="10" customFormat="1" x14ac:dyDescent="0.15">
      <c r="A11" s="6"/>
      <c r="B11" s="7"/>
      <c r="C11" s="82"/>
      <c r="D11" s="83"/>
      <c r="E11" s="49"/>
      <c r="F11" s="81"/>
      <c r="G11" s="6"/>
      <c r="H11" s="6"/>
    </row>
    <row r="12" spans="1:9" s="13" customFormat="1" ht="11.25" x14ac:dyDescent="0.15">
      <c r="A12" s="11"/>
      <c r="B12" s="12" t="s">
        <v>7</v>
      </c>
      <c r="C12" s="50" t="s">
        <v>8</v>
      </c>
      <c r="D12" s="51" t="s">
        <v>26</v>
      </c>
      <c r="E12" s="52" t="s">
        <v>29</v>
      </c>
      <c r="F12" s="12" t="s">
        <v>9</v>
      </c>
      <c r="G12" s="11" t="s">
        <v>10</v>
      </c>
      <c r="H12" s="11" t="s">
        <v>11</v>
      </c>
    </row>
    <row r="13" spans="1:9" ht="10.5" customHeight="1" x14ac:dyDescent="0.15">
      <c r="A13" s="14"/>
      <c r="B13" s="15" t="s">
        <v>2</v>
      </c>
      <c r="C13" s="53" t="s">
        <v>2</v>
      </c>
      <c r="D13" s="60" t="s">
        <v>2</v>
      </c>
      <c r="E13" s="62" t="s">
        <v>2</v>
      </c>
      <c r="F13" s="16" t="s">
        <v>2</v>
      </c>
      <c r="G13" s="4"/>
      <c r="H13" s="15" t="s">
        <v>2</v>
      </c>
    </row>
    <row r="14" spans="1:9" ht="36.6" customHeight="1" thickBot="1" x14ac:dyDescent="0.2">
      <c r="A14" s="65" t="s">
        <v>46</v>
      </c>
      <c r="B14" s="66">
        <v>2400000</v>
      </c>
      <c r="C14" s="67">
        <v>3200000</v>
      </c>
      <c r="D14" s="68">
        <v>0</v>
      </c>
      <c r="E14" s="69">
        <v>3200000</v>
      </c>
      <c r="F14" s="70">
        <v>2400000</v>
      </c>
      <c r="G14" s="71" t="s">
        <v>57</v>
      </c>
      <c r="H14" s="72">
        <v>2400000</v>
      </c>
    </row>
    <row r="15" spans="1:9" ht="19.5" customHeight="1" thickBot="1" x14ac:dyDescent="0.2">
      <c r="A15" s="19"/>
      <c r="B15" s="20"/>
      <c r="C15" s="20"/>
      <c r="D15" s="20"/>
      <c r="E15" s="20"/>
      <c r="F15" s="20"/>
      <c r="G15" s="21" t="s">
        <v>12</v>
      </c>
      <c r="H15" s="43">
        <f>H14</f>
        <v>2400000</v>
      </c>
    </row>
    <row r="17" spans="1:1" x14ac:dyDescent="0.15">
      <c r="A17" s="1" t="s">
        <v>3</v>
      </c>
    </row>
    <row r="18" spans="1:1" x14ac:dyDescent="0.15">
      <c r="A18" s="1" t="s">
        <v>44</v>
      </c>
    </row>
  </sheetData>
  <mergeCells count="6">
    <mergeCell ref="A2:I2"/>
    <mergeCell ref="B8:B10"/>
    <mergeCell ref="C8:C11"/>
    <mergeCell ref="G8:G10"/>
    <mergeCell ref="F9:F11"/>
    <mergeCell ref="D8:D11"/>
  </mergeCells>
  <phoneticPr fontId="1"/>
  <printOptions horizontalCentered="1"/>
  <pageMargins left="0.39370078740157483" right="0.39370078740157483" top="0.59055118110236227" bottom="0.39370078740157483" header="0.51181102362204722" footer="0.51181102362204722"/>
  <pageSetup paperSize="9" orientation="landscape" horizontalDpi="300" verticalDpi="30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FFC000"/>
    <pageSetUpPr fitToPage="1"/>
  </sheetPr>
  <dimension ref="B1:G40"/>
  <sheetViews>
    <sheetView view="pageBreakPreview" zoomScale="75" zoomScaleNormal="100" zoomScaleSheetLayoutView="75" workbookViewId="0">
      <selection activeCell="E12" sqref="E12:E13"/>
    </sheetView>
  </sheetViews>
  <sheetFormatPr defaultColWidth="9" defaultRowHeight="20.100000000000001" customHeight="1" x14ac:dyDescent="0.15"/>
  <cols>
    <col min="1" max="1" width="0.875" style="23" customWidth="1"/>
    <col min="2" max="2" width="24.75" style="23" customWidth="1"/>
    <col min="3" max="7" width="24" style="23" customWidth="1"/>
    <col min="8" max="8" width="1.375" style="23" customWidth="1"/>
    <col min="9" max="16384" width="9" style="23"/>
  </cols>
  <sheetData>
    <row r="1" spans="2:7" ht="13.5" x14ac:dyDescent="0.15">
      <c r="B1" s="23" t="s">
        <v>34</v>
      </c>
    </row>
    <row r="2" spans="2:7" ht="13.5" x14ac:dyDescent="0.15"/>
    <row r="3" spans="2:7" ht="13.5" x14ac:dyDescent="0.15">
      <c r="C3" s="84" t="s">
        <v>24</v>
      </c>
      <c r="D3" s="84"/>
      <c r="E3" s="84"/>
    </row>
    <row r="4" spans="2:7" ht="13.5" x14ac:dyDescent="0.15"/>
    <row r="5" spans="2:7" ht="31.9" customHeight="1" x14ac:dyDescent="0.15">
      <c r="B5" s="24" t="s">
        <v>19</v>
      </c>
      <c r="C5" s="85"/>
      <c r="D5" s="85"/>
      <c r="E5" s="85"/>
      <c r="F5" s="85"/>
      <c r="G5" s="85"/>
    </row>
    <row r="6" spans="2:7" ht="31.9" customHeight="1" x14ac:dyDescent="0.15">
      <c r="B6" s="24" t="s">
        <v>20</v>
      </c>
      <c r="C6" s="85"/>
      <c r="D6" s="85"/>
      <c r="E6" s="85"/>
      <c r="F6" s="85"/>
      <c r="G6" s="85"/>
    </row>
    <row r="7" spans="2:7" ht="31.9" customHeight="1" x14ac:dyDescent="0.15">
      <c r="B7" s="25" t="s">
        <v>23</v>
      </c>
      <c r="C7" s="25"/>
      <c r="D7" s="25"/>
      <c r="E7" s="25"/>
      <c r="F7" s="25"/>
      <c r="G7" s="25"/>
    </row>
    <row r="8" spans="2:7" ht="7.5" customHeight="1" thickBot="1" x14ac:dyDescent="0.2"/>
    <row r="9" spans="2:7" ht="13.5" x14ac:dyDescent="0.15">
      <c r="B9" s="26" t="s">
        <v>13</v>
      </c>
      <c r="C9" s="27" t="s">
        <v>35</v>
      </c>
      <c r="D9" s="27" t="s">
        <v>14</v>
      </c>
      <c r="E9" s="28" t="s">
        <v>15</v>
      </c>
      <c r="F9" s="27" t="s">
        <v>16</v>
      </c>
      <c r="G9" s="29" t="s">
        <v>17</v>
      </c>
    </row>
    <row r="10" spans="2:7" ht="13.5" x14ac:dyDescent="0.15">
      <c r="B10" s="30"/>
      <c r="C10" s="31"/>
      <c r="D10" s="31"/>
      <c r="E10" s="32" t="s">
        <v>21</v>
      </c>
      <c r="F10" s="31"/>
      <c r="G10" s="33"/>
    </row>
    <row r="11" spans="2:7" ht="41.45" customHeight="1" thickBot="1" x14ac:dyDescent="0.2">
      <c r="B11" s="34"/>
      <c r="C11" s="35"/>
      <c r="D11" s="35"/>
      <c r="E11" s="36"/>
      <c r="F11" s="35"/>
      <c r="G11" s="37"/>
    </row>
    <row r="12" spans="2:7" ht="13.5" x14ac:dyDescent="0.15">
      <c r="B12" s="86" t="s">
        <v>22</v>
      </c>
      <c r="C12" s="88" t="s">
        <v>18</v>
      </c>
      <c r="D12" s="90" t="s">
        <v>18</v>
      </c>
      <c r="E12" s="92">
        <f>E11</f>
        <v>0</v>
      </c>
      <c r="F12" s="94" t="s">
        <v>18</v>
      </c>
      <c r="G12" s="96" t="s">
        <v>18</v>
      </c>
    </row>
    <row r="13" spans="2:7" ht="14.25" thickBot="1" x14ac:dyDescent="0.2">
      <c r="B13" s="87"/>
      <c r="C13" s="89"/>
      <c r="D13" s="91"/>
      <c r="E13" s="93"/>
      <c r="F13" s="95"/>
      <c r="G13" s="97"/>
    </row>
    <row r="14" spans="2:7" ht="7.5" customHeight="1" x14ac:dyDescent="0.15">
      <c r="B14" s="38"/>
    </row>
    <row r="15" spans="2:7" ht="13.5" x14ac:dyDescent="0.15"/>
    <row r="16" spans="2:7" ht="13.5" x14ac:dyDescent="0.15"/>
    <row r="17" ht="13.5" x14ac:dyDescent="0.15"/>
    <row r="18" ht="13.5" x14ac:dyDescent="0.15"/>
    <row r="19" ht="13.5" x14ac:dyDescent="0.15"/>
    <row r="20" ht="13.5" x14ac:dyDescent="0.15"/>
    <row r="21" ht="13.5" x14ac:dyDescent="0.15"/>
    <row r="22" ht="13.5" x14ac:dyDescent="0.15"/>
    <row r="23" ht="13.5" x14ac:dyDescent="0.15"/>
    <row r="24" ht="13.5" x14ac:dyDescent="0.15"/>
    <row r="25" ht="13.5" x14ac:dyDescent="0.15"/>
    <row r="26" ht="13.5" x14ac:dyDescent="0.15"/>
    <row r="27" ht="13.5" x14ac:dyDescent="0.15"/>
    <row r="28" ht="13.5" x14ac:dyDescent="0.15"/>
    <row r="29" ht="13.5" x14ac:dyDescent="0.15"/>
    <row r="30" ht="13.5" x14ac:dyDescent="0.15"/>
    <row r="31" ht="13.5" x14ac:dyDescent="0.15"/>
    <row r="32" ht="13.5" x14ac:dyDescent="0.15"/>
    <row r="33" ht="13.5" x14ac:dyDescent="0.15"/>
    <row r="34" ht="13.5" x14ac:dyDescent="0.15"/>
    <row r="35" ht="13.5" x14ac:dyDescent="0.15"/>
    <row r="36" ht="13.5" x14ac:dyDescent="0.15"/>
    <row r="37" ht="13.5" x14ac:dyDescent="0.15"/>
    <row r="38" ht="13.5" x14ac:dyDescent="0.15"/>
    <row r="39" ht="13.5" x14ac:dyDescent="0.15"/>
    <row r="40" ht="13.5" x14ac:dyDescent="0.15"/>
  </sheetData>
  <mergeCells count="9">
    <mergeCell ref="C3:E3"/>
    <mergeCell ref="C5:G5"/>
    <mergeCell ref="C6:G6"/>
    <mergeCell ref="B12:B13"/>
    <mergeCell ref="C12:C13"/>
    <mergeCell ref="D12:D13"/>
    <mergeCell ref="E12:E13"/>
    <mergeCell ref="F12:F13"/>
    <mergeCell ref="G12:G13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94" orientation="landscape" blackAndWhite="1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FFC000"/>
    <pageSetUpPr fitToPage="1"/>
  </sheetPr>
  <dimension ref="B1:G40"/>
  <sheetViews>
    <sheetView view="pageBreakPreview" zoomScale="75" zoomScaleNormal="100" zoomScaleSheetLayoutView="75" workbookViewId="0">
      <selection activeCell="C38" sqref="C38"/>
    </sheetView>
  </sheetViews>
  <sheetFormatPr defaultColWidth="9" defaultRowHeight="20.100000000000001" customHeight="1" x14ac:dyDescent="0.15"/>
  <cols>
    <col min="1" max="1" width="0.875" style="23" customWidth="1"/>
    <col min="2" max="2" width="24.75" style="23" customWidth="1"/>
    <col min="3" max="7" width="24" style="23" customWidth="1"/>
    <col min="8" max="8" width="1.375" style="23" customWidth="1"/>
    <col min="9" max="16384" width="9" style="23"/>
  </cols>
  <sheetData>
    <row r="1" spans="2:7" ht="14.25" thickBot="1" x14ac:dyDescent="0.2">
      <c r="B1" s="23" t="s">
        <v>34</v>
      </c>
      <c r="C1" s="73" t="s">
        <v>59</v>
      </c>
    </row>
    <row r="2" spans="2:7" ht="13.5" x14ac:dyDescent="0.15"/>
    <row r="3" spans="2:7" ht="13.5" x14ac:dyDescent="0.15">
      <c r="C3" s="84" t="s">
        <v>24</v>
      </c>
      <c r="D3" s="84"/>
      <c r="E3" s="84"/>
    </row>
    <row r="4" spans="2:7" ht="13.5" x14ac:dyDescent="0.15"/>
    <row r="5" spans="2:7" ht="31.9" customHeight="1" x14ac:dyDescent="0.15">
      <c r="B5" s="24" t="s">
        <v>19</v>
      </c>
      <c r="C5" s="98" t="s">
        <v>47</v>
      </c>
      <c r="D5" s="98"/>
      <c r="E5" s="98"/>
      <c r="F5" s="98"/>
      <c r="G5" s="98"/>
    </row>
    <row r="6" spans="2:7" ht="31.9" customHeight="1" x14ac:dyDescent="0.15">
      <c r="B6" s="24" t="s">
        <v>20</v>
      </c>
      <c r="C6" s="98" t="s">
        <v>48</v>
      </c>
      <c r="D6" s="98"/>
      <c r="E6" s="98"/>
      <c r="F6" s="98"/>
      <c r="G6" s="98"/>
    </row>
    <row r="7" spans="2:7" ht="31.9" customHeight="1" x14ac:dyDescent="0.15">
      <c r="B7" s="25" t="s">
        <v>23</v>
      </c>
      <c r="C7" s="25"/>
      <c r="D7" s="25"/>
      <c r="E7" s="25"/>
      <c r="F7" s="25"/>
      <c r="G7" s="25"/>
    </row>
    <row r="8" spans="2:7" ht="7.5" customHeight="1" thickBot="1" x14ac:dyDescent="0.2"/>
    <row r="9" spans="2:7" ht="13.5" x14ac:dyDescent="0.15">
      <c r="B9" s="26" t="s">
        <v>13</v>
      </c>
      <c r="C9" s="27" t="s">
        <v>35</v>
      </c>
      <c r="D9" s="27" t="s">
        <v>14</v>
      </c>
      <c r="E9" s="28" t="s">
        <v>15</v>
      </c>
      <c r="F9" s="27" t="s">
        <v>16</v>
      </c>
      <c r="G9" s="29" t="s">
        <v>17</v>
      </c>
    </row>
    <row r="10" spans="2:7" ht="13.5" x14ac:dyDescent="0.15">
      <c r="B10" s="30"/>
      <c r="C10" s="31"/>
      <c r="D10" s="31"/>
      <c r="E10" s="32" t="s">
        <v>21</v>
      </c>
      <c r="F10" s="31"/>
      <c r="G10" s="33"/>
    </row>
    <row r="11" spans="2:7" ht="41.45" customHeight="1" thickBot="1" x14ac:dyDescent="0.2">
      <c r="B11" s="74" t="s">
        <v>49</v>
      </c>
      <c r="C11" s="75" t="s">
        <v>50</v>
      </c>
      <c r="D11" s="75" t="s">
        <v>52</v>
      </c>
      <c r="E11" s="76">
        <v>3200000</v>
      </c>
      <c r="F11" s="75" t="s">
        <v>53</v>
      </c>
      <c r="G11" s="77"/>
    </row>
    <row r="12" spans="2:7" ht="13.5" x14ac:dyDescent="0.15">
      <c r="B12" s="86" t="s">
        <v>22</v>
      </c>
      <c r="C12" s="88" t="s">
        <v>18</v>
      </c>
      <c r="D12" s="90" t="s">
        <v>18</v>
      </c>
      <c r="E12" s="92">
        <f>E11</f>
        <v>3200000</v>
      </c>
      <c r="F12" s="94" t="s">
        <v>18</v>
      </c>
      <c r="G12" s="96" t="s">
        <v>18</v>
      </c>
    </row>
    <row r="13" spans="2:7" ht="14.25" thickBot="1" x14ac:dyDescent="0.2">
      <c r="B13" s="87"/>
      <c r="C13" s="89"/>
      <c r="D13" s="91"/>
      <c r="E13" s="93"/>
      <c r="F13" s="95"/>
      <c r="G13" s="97"/>
    </row>
    <row r="14" spans="2:7" ht="7.5" customHeight="1" x14ac:dyDescent="0.15">
      <c r="B14" s="38"/>
    </row>
    <row r="15" spans="2:7" ht="13.5" x14ac:dyDescent="0.15"/>
    <row r="16" spans="2:7" ht="13.5" x14ac:dyDescent="0.15"/>
    <row r="17" ht="13.5" x14ac:dyDescent="0.15"/>
    <row r="18" ht="13.5" x14ac:dyDescent="0.15"/>
    <row r="19" ht="13.5" x14ac:dyDescent="0.15"/>
    <row r="20" ht="13.5" x14ac:dyDescent="0.15"/>
    <row r="21" ht="13.5" x14ac:dyDescent="0.15"/>
    <row r="22" ht="13.5" x14ac:dyDescent="0.15"/>
    <row r="23" ht="13.5" x14ac:dyDescent="0.15"/>
    <row r="24" ht="13.5" x14ac:dyDescent="0.15"/>
    <row r="25" ht="13.5" x14ac:dyDescent="0.15"/>
    <row r="26" ht="13.5" x14ac:dyDescent="0.15"/>
    <row r="27" ht="13.5" x14ac:dyDescent="0.15"/>
    <row r="28" ht="13.5" x14ac:dyDescent="0.15"/>
    <row r="29" ht="13.5" x14ac:dyDescent="0.15"/>
    <row r="30" ht="13.5" x14ac:dyDescent="0.15"/>
    <row r="31" ht="13.5" x14ac:dyDescent="0.15"/>
    <row r="32" ht="13.5" x14ac:dyDescent="0.15"/>
    <row r="33" ht="13.5" x14ac:dyDescent="0.15"/>
    <row r="34" ht="13.5" x14ac:dyDescent="0.15"/>
    <row r="35" ht="13.5" x14ac:dyDescent="0.15"/>
    <row r="36" ht="13.5" x14ac:dyDescent="0.15"/>
    <row r="37" ht="13.5" x14ac:dyDescent="0.15"/>
    <row r="38" ht="13.5" x14ac:dyDescent="0.15"/>
    <row r="39" ht="13.5" x14ac:dyDescent="0.15"/>
    <row r="40" ht="13.5" x14ac:dyDescent="0.15"/>
  </sheetData>
  <mergeCells count="9">
    <mergeCell ref="C3:E3"/>
    <mergeCell ref="C5:G5"/>
    <mergeCell ref="C6:G6"/>
    <mergeCell ref="B12:B13"/>
    <mergeCell ref="C12:C13"/>
    <mergeCell ref="D12:D13"/>
    <mergeCell ref="E12:E13"/>
    <mergeCell ref="F12:F13"/>
    <mergeCell ref="G12:G13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94" orientation="landscape" blackAndWhite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00B0F0"/>
  </sheetPr>
  <dimension ref="A1:M19"/>
  <sheetViews>
    <sheetView workbookViewId="0">
      <selection activeCell="G27" sqref="G27"/>
    </sheetView>
  </sheetViews>
  <sheetFormatPr defaultColWidth="9" defaultRowHeight="12" x14ac:dyDescent="0.15"/>
  <cols>
    <col min="1" max="1" width="14.625" style="1" customWidth="1"/>
    <col min="2" max="11" width="12.125" style="1" customWidth="1"/>
    <col min="12" max="16384" width="9" style="1"/>
  </cols>
  <sheetData>
    <row r="1" spans="1:13" x14ac:dyDescent="0.15">
      <c r="A1" s="1" t="s">
        <v>54</v>
      </c>
    </row>
    <row r="2" spans="1:13" ht="17.25" x14ac:dyDescent="0.2">
      <c r="A2" s="80" t="s">
        <v>4</v>
      </c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</row>
    <row r="4" spans="1:13" x14ac:dyDescent="0.15">
      <c r="A4" s="2"/>
      <c r="B4" s="2"/>
      <c r="C4" s="2"/>
      <c r="D4" s="2"/>
      <c r="F4" s="2"/>
      <c r="G4" s="2"/>
      <c r="H4" s="3" t="s">
        <v>60</v>
      </c>
      <c r="I4" s="3"/>
      <c r="J4" s="3"/>
      <c r="K4" s="3"/>
    </row>
    <row r="5" spans="1:13" ht="6" customHeight="1" x14ac:dyDescent="0.15"/>
    <row r="6" spans="1:13" x14ac:dyDescent="0.15">
      <c r="A6" s="4"/>
      <c r="B6" s="5"/>
      <c r="C6" s="44"/>
      <c r="D6" s="45"/>
      <c r="E6" s="46"/>
      <c r="F6" s="5"/>
      <c r="G6" s="4"/>
      <c r="H6" s="4"/>
      <c r="I6" s="4"/>
      <c r="J6" s="4"/>
      <c r="K6" s="4"/>
    </row>
    <row r="7" spans="1:13" s="10" customFormat="1" x14ac:dyDescent="0.15">
      <c r="A7" s="6"/>
      <c r="B7" s="7"/>
      <c r="C7" s="47"/>
      <c r="D7" s="48"/>
      <c r="E7" s="49"/>
      <c r="F7" s="8"/>
      <c r="G7" s="9"/>
      <c r="H7" s="6"/>
      <c r="I7" s="9"/>
      <c r="J7" s="6"/>
      <c r="K7" s="6"/>
    </row>
    <row r="8" spans="1:13" s="10" customFormat="1" ht="12" customHeight="1" x14ac:dyDescent="0.15">
      <c r="A8" s="6" t="s">
        <v>0</v>
      </c>
      <c r="B8" s="81" t="s">
        <v>62</v>
      </c>
      <c r="C8" s="82" t="s">
        <v>65</v>
      </c>
      <c r="D8" s="83" t="s">
        <v>61</v>
      </c>
      <c r="E8" s="49" t="s">
        <v>25</v>
      </c>
      <c r="F8" s="8" t="s">
        <v>27</v>
      </c>
      <c r="G8" s="103" t="s">
        <v>64</v>
      </c>
      <c r="H8" s="6" t="s">
        <v>1</v>
      </c>
      <c r="I8" s="6" t="s">
        <v>5</v>
      </c>
      <c r="J8" s="101" t="s">
        <v>40</v>
      </c>
      <c r="K8" s="6" t="s">
        <v>39</v>
      </c>
    </row>
    <row r="9" spans="1:13" s="10" customFormat="1" ht="13.15" customHeight="1" x14ac:dyDescent="0.15">
      <c r="A9" s="6"/>
      <c r="B9" s="81"/>
      <c r="C9" s="82"/>
      <c r="D9" s="83"/>
      <c r="E9" s="49" t="s">
        <v>30</v>
      </c>
      <c r="F9" s="81" t="s">
        <v>28</v>
      </c>
      <c r="G9" s="103"/>
      <c r="H9" s="6" t="s">
        <v>31</v>
      </c>
      <c r="I9" s="9"/>
      <c r="J9" s="102"/>
      <c r="K9" s="6" t="s">
        <v>6</v>
      </c>
    </row>
    <row r="10" spans="1:13" s="10" customFormat="1" x14ac:dyDescent="0.15">
      <c r="A10" s="6"/>
      <c r="B10" s="81"/>
      <c r="C10" s="82"/>
      <c r="D10" s="83"/>
      <c r="E10" s="49"/>
      <c r="F10" s="81"/>
      <c r="G10" s="103"/>
      <c r="H10" s="6"/>
      <c r="I10" s="9"/>
      <c r="J10" s="6"/>
      <c r="K10" s="39" t="s">
        <v>55</v>
      </c>
    </row>
    <row r="11" spans="1:13" s="10" customFormat="1" x14ac:dyDescent="0.15">
      <c r="A11" s="6"/>
      <c r="B11" s="7"/>
      <c r="C11" s="82"/>
      <c r="D11" s="83"/>
      <c r="E11" s="49"/>
      <c r="F11" s="81"/>
      <c r="G11" s="103"/>
      <c r="H11" s="6"/>
      <c r="I11" s="6"/>
      <c r="J11" s="6"/>
      <c r="K11" s="6"/>
    </row>
    <row r="12" spans="1:13" s="13" customFormat="1" ht="11.25" x14ac:dyDescent="0.15">
      <c r="A12" s="11"/>
      <c r="B12" s="12" t="s">
        <v>7</v>
      </c>
      <c r="C12" s="50" t="s">
        <v>8</v>
      </c>
      <c r="D12" s="51" t="s">
        <v>26</v>
      </c>
      <c r="E12" s="52" t="s">
        <v>29</v>
      </c>
      <c r="F12" s="12" t="s">
        <v>9</v>
      </c>
      <c r="G12" s="11" t="s">
        <v>10</v>
      </c>
      <c r="H12" s="11" t="s">
        <v>11</v>
      </c>
      <c r="I12" s="11" t="s">
        <v>36</v>
      </c>
      <c r="J12" s="11" t="s">
        <v>37</v>
      </c>
      <c r="K12" s="11" t="s">
        <v>38</v>
      </c>
    </row>
    <row r="13" spans="1:13" ht="10.5" customHeight="1" x14ac:dyDescent="0.15">
      <c r="A13" s="14"/>
      <c r="B13" s="15" t="s">
        <v>2</v>
      </c>
      <c r="C13" s="53" t="s">
        <v>2</v>
      </c>
      <c r="D13" s="54" t="s">
        <v>2</v>
      </c>
      <c r="E13" s="55" t="s">
        <v>2</v>
      </c>
      <c r="F13" s="16" t="s">
        <v>2</v>
      </c>
      <c r="G13" s="4"/>
      <c r="H13" s="15" t="s">
        <v>2</v>
      </c>
      <c r="I13" s="15" t="s">
        <v>2</v>
      </c>
      <c r="J13" s="15" t="s">
        <v>2</v>
      </c>
      <c r="K13" s="15" t="s">
        <v>2</v>
      </c>
    </row>
    <row r="14" spans="1:13" ht="36.6" customHeight="1" thickBot="1" x14ac:dyDescent="0.2">
      <c r="A14" s="17"/>
      <c r="B14" s="18"/>
      <c r="C14" s="56"/>
      <c r="D14" s="57"/>
      <c r="E14" s="58"/>
      <c r="F14" s="3"/>
      <c r="G14" s="18"/>
      <c r="H14" s="40"/>
      <c r="I14" s="18"/>
      <c r="J14" s="18"/>
      <c r="K14" s="42"/>
    </row>
    <row r="15" spans="1:13" ht="19.5" customHeight="1" thickBot="1" x14ac:dyDescent="0.2">
      <c r="A15" s="99" t="s">
        <v>12</v>
      </c>
      <c r="B15" s="100"/>
      <c r="C15" s="100"/>
      <c r="D15" s="100"/>
      <c r="E15" s="100"/>
      <c r="F15" s="100"/>
      <c r="G15" s="100"/>
      <c r="H15" s="100"/>
      <c r="I15" s="100"/>
      <c r="J15" s="100"/>
      <c r="K15" s="22">
        <f>K14</f>
        <v>0</v>
      </c>
    </row>
    <row r="17" spans="1:1" x14ac:dyDescent="0.15">
      <c r="A17" s="1" t="s">
        <v>3</v>
      </c>
    </row>
    <row r="18" spans="1:1" x14ac:dyDescent="0.15">
      <c r="A18" s="1" t="s">
        <v>43</v>
      </c>
    </row>
    <row r="19" spans="1:1" x14ac:dyDescent="0.15">
      <c r="A19" s="1" t="s">
        <v>45</v>
      </c>
    </row>
  </sheetData>
  <mergeCells count="8">
    <mergeCell ref="F9:F11"/>
    <mergeCell ref="A2:M2"/>
    <mergeCell ref="A15:J15"/>
    <mergeCell ref="J8:J9"/>
    <mergeCell ref="B8:B10"/>
    <mergeCell ref="C8:C11"/>
    <mergeCell ref="D8:D11"/>
    <mergeCell ref="G8:G11"/>
  </mergeCells>
  <phoneticPr fontId="1"/>
  <printOptions horizontalCentered="1"/>
  <pageMargins left="0.39370078740157483" right="0.19685039370078741" top="0.59055118110236227" bottom="0.39370078740157483" header="0.51181102362204722" footer="0.51181102362204722"/>
  <pageSetup paperSize="9" orientation="landscape" horizontalDpi="300" verticalDpi="30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rgb="FF00B0F0"/>
  </sheetPr>
  <dimension ref="A1:N19"/>
  <sheetViews>
    <sheetView workbookViewId="0">
      <selection activeCell="F8" sqref="F8"/>
    </sheetView>
  </sheetViews>
  <sheetFormatPr defaultColWidth="9" defaultRowHeight="12" x14ac:dyDescent="0.15"/>
  <cols>
    <col min="1" max="1" width="14.625" style="1" customWidth="1"/>
    <col min="2" max="11" width="12.125" style="1" customWidth="1"/>
    <col min="12" max="12" width="8.125" style="1" customWidth="1"/>
    <col min="13" max="16384" width="9" style="1"/>
  </cols>
  <sheetData>
    <row r="1" spans="1:14" ht="12.75" thickBot="1" x14ac:dyDescent="0.2">
      <c r="A1" s="1" t="s">
        <v>54</v>
      </c>
      <c r="B1" s="73" t="s">
        <v>59</v>
      </c>
    </row>
    <row r="2" spans="1:14" ht="17.25" x14ac:dyDescent="0.2">
      <c r="A2" s="80" t="s">
        <v>4</v>
      </c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</row>
    <row r="3" spans="1:14" x14ac:dyDescent="0.15">
      <c r="I3" s="63"/>
    </row>
    <row r="4" spans="1:14" x14ac:dyDescent="0.15">
      <c r="A4" s="2"/>
      <c r="B4" s="2"/>
      <c r="C4" s="2"/>
      <c r="D4" s="2"/>
      <c r="F4" s="2"/>
      <c r="G4" s="2"/>
      <c r="H4" s="3" t="s">
        <v>60</v>
      </c>
      <c r="I4" s="64" t="s">
        <v>66</v>
      </c>
      <c r="J4" s="64"/>
      <c r="K4" s="3"/>
    </row>
    <row r="5" spans="1:14" ht="6" customHeight="1" x14ac:dyDescent="0.15"/>
    <row r="6" spans="1:14" x14ac:dyDescent="0.15">
      <c r="A6" s="4"/>
      <c r="B6" s="5"/>
      <c r="C6" s="44"/>
      <c r="D6" s="45"/>
      <c r="E6" s="46"/>
      <c r="F6" s="5"/>
      <c r="G6" s="4"/>
      <c r="H6" s="4"/>
      <c r="I6" s="4"/>
      <c r="J6" s="4"/>
      <c r="K6" s="4"/>
    </row>
    <row r="7" spans="1:14" s="10" customFormat="1" x14ac:dyDescent="0.15">
      <c r="A7" s="6"/>
      <c r="B7" s="7"/>
      <c r="C7" s="47"/>
      <c r="D7" s="48"/>
      <c r="E7" s="49"/>
      <c r="F7" s="8"/>
      <c r="G7" s="9"/>
      <c r="H7" s="6"/>
      <c r="I7" s="9"/>
      <c r="J7" s="6"/>
      <c r="K7" s="6"/>
    </row>
    <row r="8" spans="1:14" s="10" customFormat="1" ht="12" customHeight="1" x14ac:dyDescent="0.15">
      <c r="A8" s="6" t="s">
        <v>0</v>
      </c>
      <c r="B8" s="81" t="s">
        <v>62</v>
      </c>
      <c r="C8" s="82" t="s">
        <v>63</v>
      </c>
      <c r="D8" s="83" t="s">
        <v>61</v>
      </c>
      <c r="E8" s="49" t="s">
        <v>25</v>
      </c>
      <c r="F8" s="8" t="s">
        <v>27</v>
      </c>
      <c r="G8" s="103" t="s">
        <v>64</v>
      </c>
      <c r="H8" s="6" t="s">
        <v>1</v>
      </c>
      <c r="I8" s="6" t="s">
        <v>5</v>
      </c>
      <c r="J8" s="101" t="s">
        <v>40</v>
      </c>
      <c r="K8" s="6" t="s">
        <v>39</v>
      </c>
    </row>
    <row r="9" spans="1:14" s="10" customFormat="1" ht="13.15" customHeight="1" x14ac:dyDescent="0.15">
      <c r="A9" s="6"/>
      <c r="B9" s="81"/>
      <c r="C9" s="82"/>
      <c r="D9" s="83"/>
      <c r="E9" s="49" t="s">
        <v>30</v>
      </c>
      <c r="F9" s="81" t="s">
        <v>28</v>
      </c>
      <c r="G9" s="103"/>
      <c r="H9" s="6" t="s">
        <v>31</v>
      </c>
      <c r="I9" s="9"/>
      <c r="J9" s="102"/>
      <c r="K9" s="6" t="s">
        <v>6</v>
      </c>
    </row>
    <row r="10" spans="1:14" s="10" customFormat="1" x14ac:dyDescent="0.15">
      <c r="A10" s="6"/>
      <c r="B10" s="81"/>
      <c r="C10" s="82"/>
      <c r="D10" s="83"/>
      <c r="E10" s="49"/>
      <c r="F10" s="81"/>
      <c r="G10" s="103"/>
      <c r="H10" s="6"/>
      <c r="I10" s="9"/>
      <c r="J10" s="6"/>
      <c r="K10" s="39" t="s">
        <v>55</v>
      </c>
    </row>
    <row r="11" spans="1:14" s="10" customFormat="1" x14ac:dyDescent="0.15">
      <c r="A11" s="6"/>
      <c r="B11" s="7"/>
      <c r="C11" s="82"/>
      <c r="D11" s="83"/>
      <c r="E11" s="49"/>
      <c r="F11" s="81"/>
      <c r="G11" s="6"/>
      <c r="H11" s="6"/>
      <c r="I11" s="6"/>
      <c r="J11" s="6"/>
      <c r="K11" s="6"/>
    </row>
    <row r="12" spans="1:14" s="13" customFormat="1" ht="11.25" x14ac:dyDescent="0.15">
      <c r="A12" s="11"/>
      <c r="B12" s="12" t="s">
        <v>7</v>
      </c>
      <c r="C12" s="50" t="s">
        <v>8</v>
      </c>
      <c r="D12" s="51" t="s">
        <v>26</v>
      </c>
      <c r="E12" s="52" t="s">
        <v>29</v>
      </c>
      <c r="F12" s="12" t="s">
        <v>9</v>
      </c>
      <c r="G12" s="11" t="s">
        <v>10</v>
      </c>
      <c r="H12" s="11" t="s">
        <v>11</v>
      </c>
      <c r="I12" s="11" t="s">
        <v>36</v>
      </c>
      <c r="J12" s="11" t="s">
        <v>37</v>
      </c>
      <c r="K12" s="11" t="s">
        <v>38</v>
      </c>
    </row>
    <row r="13" spans="1:14" ht="10.5" customHeight="1" x14ac:dyDescent="0.15">
      <c r="A13" s="14"/>
      <c r="B13" s="15" t="s">
        <v>2</v>
      </c>
      <c r="C13" s="61" t="s">
        <v>2</v>
      </c>
      <c r="D13" s="53" t="s">
        <v>2</v>
      </c>
      <c r="E13" s="62" t="s">
        <v>2</v>
      </c>
      <c r="F13" s="16" t="s">
        <v>2</v>
      </c>
      <c r="G13" s="4"/>
      <c r="H13" s="15" t="s">
        <v>2</v>
      </c>
      <c r="I13" s="15" t="s">
        <v>2</v>
      </c>
      <c r="J13" s="15" t="s">
        <v>2</v>
      </c>
      <c r="K13" s="15" t="s">
        <v>2</v>
      </c>
    </row>
    <row r="14" spans="1:14" ht="36.6" customHeight="1" thickBot="1" x14ac:dyDescent="0.2">
      <c r="A14" s="65" t="s">
        <v>46</v>
      </c>
      <c r="B14" s="66">
        <v>2400000</v>
      </c>
      <c r="C14" s="78">
        <v>3200000</v>
      </c>
      <c r="D14" s="67">
        <v>0</v>
      </c>
      <c r="E14" s="69">
        <v>3200000</v>
      </c>
      <c r="F14" s="70">
        <v>2400000</v>
      </c>
      <c r="G14" s="71" t="s">
        <v>57</v>
      </c>
      <c r="H14" s="70">
        <v>2400000</v>
      </c>
      <c r="I14" s="66">
        <v>2400000</v>
      </c>
      <c r="J14" s="66">
        <v>0</v>
      </c>
      <c r="K14" s="79">
        <v>2400000</v>
      </c>
    </row>
    <row r="15" spans="1:14" ht="19.5" customHeight="1" thickBot="1" x14ac:dyDescent="0.2">
      <c r="A15" s="99" t="s">
        <v>12</v>
      </c>
      <c r="B15" s="100"/>
      <c r="C15" s="100"/>
      <c r="D15" s="100"/>
      <c r="E15" s="100"/>
      <c r="F15" s="100"/>
      <c r="G15" s="100"/>
      <c r="H15" s="100"/>
      <c r="I15" s="100"/>
      <c r="J15" s="100"/>
      <c r="K15" s="43">
        <f>K14</f>
        <v>2400000</v>
      </c>
    </row>
    <row r="17" spans="1:1" x14ac:dyDescent="0.15">
      <c r="A17" s="1" t="s">
        <v>3</v>
      </c>
    </row>
    <row r="18" spans="1:1" x14ac:dyDescent="0.15">
      <c r="A18" s="1" t="s">
        <v>43</v>
      </c>
    </row>
    <row r="19" spans="1:1" x14ac:dyDescent="0.15">
      <c r="A19" s="1" t="s">
        <v>45</v>
      </c>
    </row>
  </sheetData>
  <mergeCells count="8">
    <mergeCell ref="A15:J15"/>
    <mergeCell ref="A2:N2"/>
    <mergeCell ref="B8:B10"/>
    <mergeCell ref="C8:C11"/>
    <mergeCell ref="G8:G10"/>
    <mergeCell ref="J8:J9"/>
    <mergeCell ref="F9:F11"/>
    <mergeCell ref="D8:D11"/>
  </mergeCells>
  <phoneticPr fontId="1"/>
  <printOptions horizontalCentered="1"/>
  <pageMargins left="0.39370078740157483" right="0.19685039370078741" top="0.59055118110236227" bottom="0.39370078740157483" header="0.51181102362204722" footer="0.51181102362204722"/>
  <pageSetup paperSize="9" orientation="landscape" horizontalDpi="300" verticalDpi="30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00B0F0"/>
    <pageSetUpPr fitToPage="1"/>
  </sheetPr>
  <dimension ref="B1:G40"/>
  <sheetViews>
    <sheetView view="pageBreakPreview" zoomScale="75" zoomScaleNormal="100" zoomScaleSheetLayoutView="75" workbookViewId="0">
      <selection activeCell="F17" sqref="F17"/>
    </sheetView>
  </sheetViews>
  <sheetFormatPr defaultColWidth="9" defaultRowHeight="20.100000000000001" customHeight="1" x14ac:dyDescent="0.15"/>
  <cols>
    <col min="1" max="1" width="0.875" style="23" customWidth="1"/>
    <col min="2" max="2" width="24.75" style="23" customWidth="1"/>
    <col min="3" max="7" width="24" style="23" customWidth="1"/>
    <col min="8" max="8" width="1.375" style="23" customWidth="1"/>
    <col min="9" max="16384" width="9" style="23"/>
  </cols>
  <sheetData>
    <row r="1" spans="2:7" ht="13.5" x14ac:dyDescent="0.15">
      <c r="B1" s="23" t="s">
        <v>42</v>
      </c>
    </row>
    <row r="2" spans="2:7" ht="13.5" x14ac:dyDescent="0.15"/>
    <row r="3" spans="2:7" ht="13.5" x14ac:dyDescent="0.15">
      <c r="C3" s="84" t="s">
        <v>41</v>
      </c>
      <c r="D3" s="84"/>
      <c r="E3" s="84"/>
    </row>
    <row r="4" spans="2:7" ht="13.5" x14ac:dyDescent="0.15"/>
    <row r="5" spans="2:7" ht="31.9" customHeight="1" x14ac:dyDescent="0.15">
      <c r="B5" s="24" t="s">
        <v>19</v>
      </c>
      <c r="C5" s="85"/>
      <c r="D5" s="85"/>
      <c r="E5" s="85"/>
      <c r="F5" s="85"/>
      <c r="G5" s="85"/>
    </row>
    <row r="6" spans="2:7" ht="31.9" customHeight="1" x14ac:dyDescent="0.15">
      <c r="B6" s="24" t="s">
        <v>20</v>
      </c>
      <c r="C6" s="85"/>
      <c r="D6" s="85"/>
      <c r="E6" s="85"/>
      <c r="F6" s="85"/>
      <c r="G6" s="85"/>
    </row>
    <row r="7" spans="2:7" ht="31.9" customHeight="1" x14ac:dyDescent="0.15">
      <c r="B7" s="25" t="s">
        <v>23</v>
      </c>
      <c r="C7" s="25"/>
      <c r="D7" s="25"/>
      <c r="E7" s="25"/>
      <c r="F7" s="25"/>
      <c r="G7" s="25"/>
    </row>
    <row r="8" spans="2:7" ht="7.5" customHeight="1" thickBot="1" x14ac:dyDescent="0.2"/>
    <row r="9" spans="2:7" ht="13.5" x14ac:dyDescent="0.15">
      <c r="B9" s="26" t="s">
        <v>13</v>
      </c>
      <c r="C9" s="27" t="s">
        <v>35</v>
      </c>
      <c r="D9" s="27" t="s">
        <v>14</v>
      </c>
      <c r="E9" s="28" t="s">
        <v>15</v>
      </c>
      <c r="F9" s="27" t="s">
        <v>16</v>
      </c>
      <c r="G9" s="29" t="s">
        <v>17</v>
      </c>
    </row>
    <row r="10" spans="2:7" ht="13.5" x14ac:dyDescent="0.15">
      <c r="B10" s="30"/>
      <c r="C10" s="31"/>
      <c r="D10" s="31"/>
      <c r="E10" s="32" t="s">
        <v>21</v>
      </c>
      <c r="F10" s="31"/>
      <c r="G10" s="33"/>
    </row>
    <row r="11" spans="2:7" ht="41.45" customHeight="1" x14ac:dyDescent="0.15">
      <c r="B11" s="34"/>
      <c r="C11" s="35"/>
      <c r="D11" s="35"/>
      <c r="E11" s="36"/>
      <c r="F11" s="35"/>
      <c r="G11" s="37"/>
    </row>
    <row r="12" spans="2:7" ht="13.5" x14ac:dyDescent="0.15">
      <c r="B12" s="86" t="s">
        <v>22</v>
      </c>
      <c r="C12" s="88" t="s">
        <v>18</v>
      </c>
      <c r="D12" s="88" t="s">
        <v>18</v>
      </c>
      <c r="E12" s="104">
        <f>E11</f>
        <v>0</v>
      </c>
      <c r="F12" s="88" t="s">
        <v>18</v>
      </c>
      <c r="G12" s="96" t="s">
        <v>18</v>
      </c>
    </row>
    <row r="13" spans="2:7" ht="14.25" thickBot="1" x14ac:dyDescent="0.2">
      <c r="B13" s="87"/>
      <c r="C13" s="89"/>
      <c r="D13" s="89"/>
      <c r="E13" s="105"/>
      <c r="F13" s="89"/>
      <c r="G13" s="97"/>
    </row>
    <row r="14" spans="2:7" ht="7.5" customHeight="1" x14ac:dyDescent="0.15">
      <c r="B14" s="38"/>
    </row>
    <row r="15" spans="2:7" ht="13.5" x14ac:dyDescent="0.15"/>
    <row r="16" spans="2:7" ht="13.5" x14ac:dyDescent="0.15"/>
    <row r="17" ht="13.5" x14ac:dyDescent="0.15"/>
    <row r="18" ht="13.5" x14ac:dyDescent="0.15"/>
    <row r="19" ht="13.5" x14ac:dyDescent="0.15"/>
    <row r="20" ht="13.5" x14ac:dyDescent="0.15"/>
    <row r="21" ht="13.5" x14ac:dyDescent="0.15"/>
    <row r="22" ht="13.5" x14ac:dyDescent="0.15"/>
    <row r="23" ht="13.5" x14ac:dyDescent="0.15"/>
    <row r="24" ht="13.5" x14ac:dyDescent="0.15"/>
    <row r="25" ht="13.5" x14ac:dyDescent="0.15"/>
    <row r="26" ht="13.5" x14ac:dyDescent="0.15"/>
    <row r="27" ht="13.5" x14ac:dyDescent="0.15"/>
    <row r="28" ht="13.5" x14ac:dyDescent="0.15"/>
    <row r="29" ht="13.5" x14ac:dyDescent="0.15"/>
    <row r="30" ht="13.5" x14ac:dyDescent="0.15"/>
    <row r="31" ht="13.5" x14ac:dyDescent="0.15"/>
    <row r="32" ht="13.5" x14ac:dyDescent="0.15"/>
    <row r="33" ht="13.5" x14ac:dyDescent="0.15"/>
    <row r="34" ht="13.5" x14ac:dyDescent="0.15"/>
    <row r="35" ht="13.5" x14ac:dyDescent="0.15"/>
    <row r="36" ht="13.5" x14ac:dyDescent="0.15"/>
    <row r="37" ht="13.5" x14ac:dyDescent="0.15"/>
    <row r="38" ht="13.5" x14ac:dyDescent="0.15"/>
    <row r="39" ht="13.5" x14ac:dyDescent="0.15"/>
    <row r="40" ht="13.5" x14ac:dyDescent="0.15"/>
  </sheetData>
  <mergeCells count="9">
    <mergeCell ref="C3:E3"/>
    <mergeCell ref="C5:G5"/>
    <mergeCell ref="C6:G6"/>
    <mergeCell ref="B12:B13"/>
    <mergeCell ref="C12:C13"/>
    <mergeCell ref="D12:D13"/>
    <mergeCell ref="E12:E13"/>
    <mergeCell ref="F12:F13"/>
    <mergeCell ref="G12:G13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94" orientation="landscape" blackAndWhite="1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rgb="FF00B0F0"/>
    <pageSetUpPr fitToPage="1"/>
  </sheetPr>
  <dimension ref="B1:K40"/>
  <sheetViews>
    <sheetView view="pageBreakPreview" zoomScale="75" zoomScaleNormal="100" zoomScaleSheetLayoutView="75" workbookViewId="0">
      <selection activeCell="D11" sqref="D11"/>
    </sheetView>
  </sheetViews>
  <sheetFormatPr defaultColWidth="9" defaultRowHeight="20.100000000000001" customHeight="1" x14ac:dyDescent="0.15"/>
  <cols>
    <col min="1" max="1" width="0.875" style="23" customWidth="1"/>
    <col min="2" max="2" width="24.75" style="23" customWidth="1"/>
    <col min="3" max="7" width="24" style="23" customWidth="1"/>
    <col min="8" max="8" width="1.375" style="23" customWidth="1"/>
    <col min="9" max="16384" width="9" style="23"/>
  </cols>
  <sheetData>
    <row r="1" spans="2:11" ht="14.25" thickBot="1" x14ac:dyDescent="0.2">
      <c r="B1" s="23" t="s">
        <v>42</v>
      </c>
      <c r="C1" s="73" t="s">
        <v>59</v>
      </c>
    </row>
    <row r="2" spans="2:11" ht="13.5" x14ac:dyDescent="0.15"/>
    <row r="3" spans="2:11" ht="13.5" x14ac:dyDescent="0.15">
      <c r="C3" s="84" t="s">
        <v>41</v>
      </c>
      <c r="D3" s="84"/>
      <c r="E3" s="84"/>
    </row>
    <row r="4" spans="2:11" ht="13.5" x14ac:dyDescent="0.15"/>
    <row r="5" spans="2:11" ht="31.9" customHeight="1" x14ac:dyDescent="0.15">
      <c r="B5" s="24" t="s">
        <v>19</v>
      </c>
      <c r="C5" s="98" t="s">
        <v>47</v>
      </c>
      <c r="D5" s="98"/>
      <c r="E5" s="98"/>
      <c r="F5" s="98"/>
      <c r="G5" s="98"/>
    </row>
    <row r="6" spans="2:11" ht="31.9" customHeight="1" x14ac:dyDescent="0.15">
      <c r="B6" s="24" t="s">
        <v>20</v>
      </c>
      <c r="C6" s="98" t="s">
        <v>48</v>
      </c>
      <c r="D6" s="98"/>
      <c r="E6" s="98"/>
      <c r="F6" s="98"/>
      <c r="G6" s="98"/>
    </row>
    <row r="7" spans="2:11" ht="31.9" customHeight="1" x14ac:dyDescent="0.15">
      <c r="B7" s="25" t="s">
        <v>23</v>
      </c>
      <c r="C7" s="25"/>
      <c r="D7" s="25"/>
      <c r="E7" s="25"/>
      <c r="F7" s="25"/>
      <c r="G7" s="25"/>
    </row>
    <row r="8" spans="2:11" ht="7.5" customHeight="1" thickBot="1" x14ac:dyDescent="0.2"/>
    <row r="9" spans="2:11" ht="13.5" x14ac:dyDescent="0.15">
      <c r="B9" s="26" t="s">
        <v>13</v>
      </c>
      <c r="C9" s="27" t="s">
        <v>35</v>
      </c>
      <c r="D9" s="27" t="s">
        <v>14</v>
      </c>
      <c r="E9" s="28" t="s">
        <v>15</v>
      </c>
      <c r="F9" s="27" t="s">
        <v>16</v>
      </c>
      <c r="G9" s="29" t="s">
        <v>17</v>
      </c>
    </row>
    <row r="10" spans="2:11" ht="13.5" x14ac:dyDescent="0.15">
      <c r="B10" s="30"/>
      <c r="C10" s="31"/>
      <c r="D10" s="31"/>
      <c r="E10" s="32" t="s">
        <v>21</v>
      </c>
      <c r="F10" s="31"/>
      <c r="G10" s="33"/>
      <c r="K10" s="23" t="s">
        <v>56</v>
      </c>
    </row>
    <row r="11" spans="2:11" ht="41.45" customHeight="1" x14ac:dyDescent="0.15">
      <c r="B11" s="74" t="s">
        <v>49</v>
      </c>
      <c r="C11" s="75" t="s">
        <v>50</v>
      </c>
      <c r="D11" s="75" t="s">
        <v>51</v>
      </c>
      <c r="E11" s="76">
        <v>3200000</v>
      </c>
      <c r="F11" s="75" t="s">
        <v>53</v>
      </c>
      <c r="G11" s="77"/>
    </row>
    <row r="12" spans="2:11" ht="13.5" x14ac:dyDescent="0.15">
      <c r="B12" s="86" t="s">
        <v>22</v>
      </c>
      <c r="C12" s="88" t="s">
        <v>18</v>
      </c>
      <c r="D12" s="88" t="s">
        <v>18</v>
      </c>
      <c r="E12" s="104">
        <f>E11</f>
        <v>3200000</v>
      </c>
      <c r="F12" s="88" t="s">
        <v>18</v>
      </c>
      <c r="G12" s="96" t="s">
        <v>18</v>
      </c>
    </row>
    <row r="13" spans="2:11" ht="14.25" thickBot="1" x14ac:dyDescent="0.2">
      <c r="B13" s="87"/>
      <c r="C13" s="89"/>
      <c r="D13" s="89"/>
      <c r="E13" s="105"/>
      <c r="F13" s="89"/>
      <c r="G13" s="97"/>
    </row>
    <row r="14" spans="2:11" ht="7.5" customHeight="1" x14ac:dyDescent="0.15">
      <c r="B14" s="38"/>
    </row>
    <row r="15" spans="2:11" ht="13.5" x14ac:dyDescent="0.15"/>
    <row r="16" spans="2:11" ht="13.5" x14ac:dyDescent="0.15"/>
    <row r="17" ht="13.5" x14ac:dyDescent="0.15"/>
    <row r="18" ht="13.5" x14ac:dyDescent="0.15"/>
    <row r="19" ht="13.5" x14ac:dyDescent="0.15"/>
    <row r="20" ht="13.5" x14ac:dyDescent="0.15"/>
    <row r="21" ht="13.5" x14ac:dyDescent="0.15"/>
    <row r="22" ht="13.5" x14ac:dyDescent="0.15"/>
    <row r="23" ht="13.5" x14ac:dyDescent="0.15"/>
    <row r="24" ht="13.5" x14ac:dyDescent="0.15"/>
    <row r="25" ht="13.5" x14ac:dyDescent="0.15"/>
    <row r="26" ht="13.5" x14ac:dyDescent="0.15"/>
    <row r="27" ht="13.5" x14ac:dyDescent="0.15"/>
    <row r="28" ht="13.5" x14ac:dyDescent="0.15"/>
    <row r="29" ht="13.5" x14ac:dyDescent="0.15"/>
    <row r="30" ht="13.5" x14ac:dyDescent="0.15"/>
    <row r="31" ht="13.5" x14ac:dyDescent="0.15"/>
    <row r="32" ht="13.5" x14ac:dyDescent="0.15"/>
    <row r="33" ht="13.5" x14ac:dyDescent="0.15"/>
    <row r="34" ht="13.5" x14ac:dyDescent="0.15"/>
    <row r="35" ht="13.5" x14ac:dyDescent="0.15"/>
    <row r="36" ht="13.5" x14ac:dyDescent="0.15"/>
    <row r="37" ht="13.5" x14ac:dyDescent="0.15"/>
    <row r="38" ht="13.5" x14ac:dyDescent="0.15"/>
    <row r="39" ht="13.5" x14ac:dyDescent="0.15"/>
    <row r="40" ht="13.5" x14ac:dyDescent="0.15"/>
  </sheetData>
  <mergeCells count="9">
    <mergeCell ref="C3:E3"/>
    <mergeCell ref="C5:G5"/>
    <mergeCell ref="C6:G6"/>
    <mergeCell ref="B12:B13"/>
    <mergeCell ref="C12:C13"/>
    <mergeCell ref="D12:D13"/>
    <mergeCell ref="E12:E13"/>
    <mergeCell ref="F12:F13"/>
    <mergeCell ref="G12:G13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94" orientation="landscape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4</vt:i4>
      </vt:variant>
    </vt:vector>
  </HeadingPairs>
  <TitlesOfParts>
    <vt:vector size="12" baseType="lpstr">
      <vt:lpstr>２-1 </vt:lpstr>
      <vt:lpstr>２-1  (記載例)</vt:lpstr>
      <vt:lpstr>２-2 </vt:lpstr>
      <vt:lpstr>２-2  (記載例)</vt:lpstr>
      <vt:lpstr>５-1 </vt:lpstr>
      <vt:lpstr>５-1  (記載例)</vt:lpstr>
      <vt:lpstr>５-2 </vt:lpstr>
      <vt:lpstr>５-2  (記載例)</vt:lpstr>
      <vt:lpstr>'２-2 '!Print_Area</vt:lpstr>
      <vt:lpstr>'２-2  (記載例)'!Print_Area</vt:lpstr>
      <vt:lpstr>'５-2 '!Print_Area</vt:lpstr>
      <vt:lpstr>'５-2  (記載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0-09-08T02:46:13Z</cp:lastPrinted>
  <dcterms:created xsi:type="dcterms:W3CDTF">1997-01-08T22:48:59Z</dcterms:created>
  <dcterms:modified xsi:type="dcterms:W3CDTF">2026-06-17T06:58:30Z</dcterms:modified>
</cp:coreProperties>
</file>